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heckCompatibility="1"/>
  <mc:AlternateContent xmlns:mc="http://schemas.openxmlformats.org/markup-compatibility/2006">
    <mc:Choice Requires="x15">
      <x15ac:absPath xmlns:x15ac="http://schemas.microsoft.com/office/spreadsheetml/2010/11/ac" url="C:\Users\s125658\Desktop\ファクト更新\"/>
    </mc:Choice>
  </mc:AlternateContent>
  <workbookProtection workbookAlgorithmName="SHA-512" workbookHashValue="yInBw2gVLxRgdRbnMyHC2O10Grem6L/yDfBDqpk1i1trBo7sPTK4KQK+66wfvHf9jQ7aZ0d1jquvhIcLSFHSmw==" workbookSaltValue="EhO8qvXPCQiFYr3MBnkRHg==" workbookSpinCount="100000" lockStructure="1"/>
  <bookViews>
    <workbookView xWindow="0" yWindow="0" windowWidth="19200" windowHeight="12855" tabRatio="955"/>
  </bookViews>
  <sheets>
    <sheet name="目次" sheetId="20" r:id="rId1"/>
    <sheet name="財務ハイライト" sheetId="69" r:id="rId2"/>
    <sheet name="セグメント情報" sheetId="66" r:id="rId3"/>
    <sheet name="連結貸借対照表" sheetId="70" r:id="rId4"/>
    <sheet name="連結損益計算書" sheetId="64" r:id="rId5"/>
    <sheet name="連結キャッシュ・フロー計算書" sheetId="65" r:id="rId6"/>
  </sheets>
  <definedNames>
    <definedName name="_xlnm.Print_Area" localSheetId="1">財務ハイライト!$A$1:$H$115</definedName>
    <definedName name="_xlnm.Print_Area" localSheetId="0">目次!$A$1:$N$27</definedName>
    <definedName name="_xlnm.Print_Area" localSheetId="5">連結キャッシュ・フロー計算書!$A$1:$I$11</definedName>
    <definedName name="_xlnm.Print_Area" localSheetId="4">連結損益計算書!$A$1:$I$20</definedName>
    <definedName name="_xlnm.Print_Area" localSheetId="3">連結貸借対照表!$A$1:$H$83</definedName>
    <definedName name="_xlnm.Print_Titles" localSheetId="1">財務ハイライト!$1:$2</definedName>
    <definedName name="_xlnm.Print_Titles" localSheetId="5">連結キャッシュ・フロー計算書!$1:$3</definedName>
    <definedName name="_xlnm.Print_Titles" localSheetId="4">連結損益計算書!$1:$3</definedName>
    <definedName name="_xlnm.Print_Titles" localSheetId="3">連結貸借対照表!$1:$1</definedName>
  </definedNames>
  <calcPr calcId="152511"/>
</workbook>
</file>

<file path=xl/sharedStrings.xml><?xml version="1.0" encoding="utf-8"?>
<sst xmlns="http://schemas.openxmlformats.org/spreadsheetml/2006/main" count="879" uniqueCount="336">
  <si>
    <t>連結損益計算書</t>
  </si>
  <si>
    <t>売上高</t>
  </si>
  <si>
    <t>百万円</t>
  </si>
  <si>
    <t>売上高営業利益率</t>
  </si>
  <si>
    <t>売上高当期純利益率</t>
  </si>
  <si>
    <t>自己資本当期純利益率(ROE)</t>
  </si>
  <si>
    <t>総資産当期純利益率(ROA)</t>
  </si>
  <si>
    <t>連結貸借対照表</t>
  </si>
  <si>
    <t>総資産</t>
  </si>
  <si>
    <t>負債</t>
  </si>
  <si>
    <t>純資産</t>
  </si>
  <si>
    <t>自己資本</t>
  </si>
  <si>
    <t>有利子負債</t>
  </si>
  <si>
    <t>たな卸資産</t>
  </si>
  <si>
    <t>倍</t>
  </si>
  <si>
    <t>営業活動によるキャッシュ・フロー</t>
  </si>
  <si>
    <t>投資活動によるキャッシュ・フロー</t>
  </si>
  <si>
    <t>財務活動によるキャッシュ・フロー</t>
  </si>
  <si>
    <t>現金及び現金同等物の期末残高</t>
  </si>
  <si>
    <t>投資関連</t>
  </si>
  <si>
    <t>設備投資</t>
  </si>
  <si>
    <t>減価償却費</t>
  </si>
  <si>
    <t>研究開発費</t>
  </si>
  <si>
    <t>効率性指標</t>
  </si>
  <si>
    <t>総資産回転率</t>
  </si>
  <si>
    <t>回</t>
  </si>
  <si>
    <t>たな卸資産月商比</t>
  </si>
  <si>
    <t>月</t>
  </si>
  <si>
    <t>株価関連</t>
  </si>
  <si>
    <t>期末株価</t>
  </si>
  <si>
    <t>円</t>
  </si>
  <si>
    <t>1株当たり純資産(BPS)</t>
  </si>
  <si>
    <t>1株当たり当期純利益(EPS)</t>
  </si>
  <si>
    <t>株価純資産倍率(PBR)</t>
  </si>
  <si>
    <t>株価収益率(PER)</t>
  </si>
  <si>
    <t>-</t>
  </si>
  <si>
    <t>日本</t>
  </si>
  <si>
    <t>米州</t>
  </si>
  <si>
    <t>欧州</t>
  </si>
  <si>
    <t>中国</t>
  </si>
  <si>
    <t>その他</t>
  </si>
  <si>
    <t>海外売上高比率</t>
  </si>
  <si>
    <t>デジタル情報家電</t>
  </si>
  <si>
    <t>健康・環境</t>
  </si>
  <si>
    <t>液晶</t>
  </si>
  <si>
    <t>電子デバイス</t>
  </si>
  <si>
    <t>従業員数</t>
  </si>
  <si>
    <t>人</t>
  </si>
  <si>
    <t>1株当たり配当金</t>
  </si>
  <si>
    <t>退職給付に係る調整累計額</t>
  </si>
  <si>
    <t>％</t>
    <phoneticPr fontId="2"/>
  </si>
  <si>
    <t>連結貸借対照表</t>
    <rPh sb="0" eb="2">
      <t>レンケツ</t>
    </rPh>
    <rPh sb="2" eb="4">
      <t>タイシャク</t>
    </rPh>
    <rPh sb="4" eb="7">
      <t>タイショウヒョウ</t>
    </rPh>
    <phoneticPr fontId="2"/>
  </si>
  <si>
    <t>現金及び預金</t>
  </si>
  <si>
    <t>建物及び構築物</t>
  </si>
  <si>
    <t>機械装置及び運搬具</t>
  </si>
  <si>
    <t>工具、器具及び備品</t>
  </si>
  <si>
    <t>土地</t>
  </si>
  <si>
    <t>建設仮勘定</t>
  </si>
  <si>
    <t>減価償却累計額</t>
  </si>
  <si>
    <t>資産の部</t>
  </si>
  <si>
    <t>受取手形及び売掛金</t>
  </si>
  <si>
    <t>繰延税金資産</t>
  </si>
  <si>
    <t>未収入金</t>
  </si>
  <si>
    <t>貸倒引当金</t>
  </si>
  <si>
    <t>固定資産</t>
  </si>
  <si>
    <t>有形固定資産</t>
  </si>
  <si>
    <t>無形固定資産</t>
  </si>
  <si>
    <t>ソフトウェア</t>
  </si>
  <si>
    <t>のれん</t>
  </si>
  <si>
    <t>投資その他の資産</t>
  </si>
  <si>
    <t>投資有価証券</t>
  </si>
  <si>
    <t>繰延資産</t>
  </si>
  <si>
    <t>社債発行費</t>
  </si>
  <si>
    <t>資産合計</t>
  </si>
  <si>
    <t>負債の部</t>
  </si>
  <si>
    <t>流動負債</t>
  </si>
  <si>
    <t>支払手形及び買掛金</t>
  </si>
  <si>
    <t>電子記録債務</t>
  </si>
  <si>
    <t>短期借入金</t>
  </si>
  <si>
    <t>1年内償還予定の社債</t>
  </si>
  <si>
    <t>未払費用</t>
  </si>
  <si>
    <t>賞与引当金</t>
  </si>
  <si>
    <t>製品保証引当金</t>
  </si>
  <si>
    <t>固定負債</t>
  </si>
  <si>
    <t>社債</t>
  </si>
  <si>
    <t>長期借入金</t>
  </si>
  <si>
    <t>退職給付に係る負債</t>
  </si>
  <si>
    <t>負債合計</t>
  </si>
  <si>
    <t>純資産の部</t>
  </si>
  <si>
    <t>株主資本</t>
  </si>
  <si>
    <t>資本金</t>
  </si>
  <si>
    <t>資本剰余金</t>
  </si>
  <si>
    <t>利益剰余金</t>
  </si>
  <si>
    <t>自己株式</t>
  </si>
  <si>
    <t>その他の包括利益累計額</t>
  </si>
  <si>
    <t>その他有価証券評価差額金</t>
  </si>
  <si>
    <t>繰延ヘッジ損益</t>
  </si>
  <si>
    <t>為替換算調整勘定</t>
  </si>
  <si>
    <t>純資産合計</t>
  </si>
  <si>
    <t>負債純資産合計</t>
  </si>
  <si>
    <t>売上総利益</t>
  </si>
  <si>
    <t>販売費及び一般管理費</t>
  </si>
  <si>
    <t>営業利益又は営業損失（△）</t>
  </si>
  <si>
    <t>営業外収益</t>
  </si>
  <si>
    <t>営業外費用</t>
  </si>
  <si>
    <t>経常利益又は経常損失（△）</t>
  </si>
  <si>
    <t>特別利益</t>
  </si>
  <si>
    <t>特別損失</t>
  </si>
  <si>
    <t>税金等調整前当期純利益又は
税金等調整前当期純損失（△）</t>
  </si>
  <si>
    <t>法人税、住民税及び事業税</t>
  </si>
  <si>
    <t>法人税等調整額</t>
  </si>
  <si>
    <t>法人税等合計</t>
  </si>
  <si>
    <t>-</t>
    <phoneticPr fontId="2"/>
  </si>
  <si>
    <t>連結損益計算書</t>
    <rPh sb="0" eb="2">
      <t>レンケツ</t>
    </rPh>
    <rPh sb="2" eb="4">
      <t>ソンエキ</t>
    </rPh>
    <rPh sb="4" eb="7">
      <t>ケイサンショ</t>
    </rPh>
    <phoneticPr fontId="2"/>
  </si>
  <si>
    <t>（百万円）</t>
    <rPh sb="1" eb="4">
      <t>ヒャクマンエン</t>
    </rPh>
    <phoneticPr fontId="2"/>
  </si>
  <si>
    <t>連結キャッシュ・フロー計算書</t>
    <rPh sb="0" eb="2">
      <t>レンケツ</t>
    </rPh>
    <rPh sb="11" eb="14">
      <t>ケイサンショ</t>
    </rPh>
    <phoneticPr fontId="2"/>
  </si>
  <si>
    <t>現金及び現金同等物に係る換算差額</t>
  </si>
  <si>
    <t>現金及び現金同等物の増減額（△は減少）</t>
  </si>
  <si>
    <t>現金及び現金同等物の期首残高</t>
  </si>
  <si>
    <t>業績の推移</t>
    <phoneticPr fontId="2"/>
  </si>
  <si>
    <t>[ 内 容 ]</t>
    <rPh sb="2" eb="3">
      <t>ウチ</t>
    </rPh>
    <rPh sb="4" eb="5">
      <t>カタチ</t>
    </rPh>
    <phoneticPr fontId="2"/>
  </si>
  <si>
    <t>連結キャッシュ・フロー計算書</t>
  </si>
  <si>
    <t>セグメント利益</t>
    <rPh sb="5" eb="7">
      <t>リエキ</t>
    </rPh>
    <phoneticPr fontId="2"/>
  </si>
  <si>
    <t>旧セグメント利益</t>
    <rPh sb="0" eb="1">
      <t>キュウ</t>
    </rPh>
    <rPh sb="6" eb="8">
      <t>リエキ</t>
    </rPh>
    <phoneticPr fontId="2"/>
  </si>
  <si>
    <t>財務ハイライト</t>
    <rPh sb="0" eb="2">
      <t>ザイム</t>
    </rPh>
    <phoneticPr fontId="2"/>
  </si>
  <si>
    <t>連結損益計算書</t>
    <phoneticPr fontId="2"/>
  </si>
  <si>
    <t>シャ-プ株式会社、連結子会社</t>
    <phoneticPr fontId="2"/>
  </si>
  <si>
    <t>旧セグメント売上高</t>
    <rPh sb="0" eb="1">
      <t>キュウ</t>
    </rPh>
    <phoneticPr fontId="2"/>
  </si>
  <si>
    <t>地域別売上高</t>
  </si>
  <si>
    <t>小計</t>
    <rPh sb="0" eb="2">
      <t>ショウケイ</t>
    </rPh>
    <phoneticPr fontId="2"/>
  </si>
  <si>
    <t>調整額</t>
    <rPh sb="0" eb="2">
      <t>チョウセイ</t>
    </rPh>
    <rPh sb="2" eb="3">
      <t>ガク</t>
    </rPh>
    <phoneticPr fontId="2"/>
  </si>
  <si>
    <t>合計</t>
    <rPh sb="0" eb="2">
      <t>ゴウケイ</t>
    </rPh>
    <phoneticPr fontId="2"/>
  </si>
  <si>
    <t>セグメント情報</t>
    <rPh sb="5" eb="7">
      <t>ジョウホウ</t>
    </rPh>
    <phoneticPr fontId="2"/>
  </si>
  <si>
    <t>売上高</t>
    <phoneticPr fontId="2"/>
  </si>
  <si>
    <t>セグメント情報</t>
    <phoneticPr fontId="2"/>
  </si>
  <si>
    <t>自己資本比率</t>
    <phoneticPr fontId="2"/>
  </si>
  <si>
    <t>デット・エクイティ・レシオ</t>
    <phoneticPr fontId="2"/>
  </si>
  <si>
    <t>千株</t>
  </si>
  <si>
    <t>フリー・キャッシュ・フロー＝営業活動によるキャッシュ・フロー＋投資活動によるキャッシュ・フロー</t>
    <phoneticPr fontId="2"/>
  </si>
  <si>
    <t>フリー・キャッシュ・フロー</t>
    <phoneticPr fontId="2"/>
  </si>
  <si>
    <t>2015年3月期</t>
    <phoneticPr fontId="2"/>
  </si>
  <si>
    <t>エネルギーソリューション</t>
    <phoneticPr fontId="2"/>
  </si>
  <si>
    <t>2016年3月期</t>
    <phoneticPr fontId="2"/>
  </si>
  <si>
    <t>親会社株主に帰属する当期純利益</t>
    <rPh sb="0" eb="1">
      <t>オヤ</t>
    </rPh>
    <rPh sb="1" eb="3">
      <t>カイシャ</t>
    </rPh>
    <rPh sb="3" eb="5">
      <t>カブヌシ</t>
    </rPh>
    <rPh sb="6" eb="8">
      <t>キゾク</t>
    </rPh>
    <phoneticPr fontId="2"/>
  </si>
  <si>
    <t>コンシューマーエレクトロニクス</t>
    <phoneticPr fontId="2"/>
  </si>
  <si>
    <t>電子デバイス</t>
    <rPh sb="0" eb="2">
      <t>デンシ</t>
    </rPh>
    <phoneticPr fontId="2"/>
  </si>
  <si>
    <t>ディスプレイデバイス</t>
    <phoneticPr fontId="2"/>
  </si>
  <si>
    <t>ビジネスソリューション</t>
    <phoneticPr fontId="2"/>
  </si>
  <si>
    <t>買付契約評価引当金</t>
    <rPh sb="0" eb="2">
      <t>カイツケ</t>
    </rPh>
    <rPh sb="2" eb="4">
      <t>ケイヤク</t>
    </rPh>
    <rPh sb="4" eb="6">
      <t>ヒョウカ</t>
    </rPh>
    <rPh sb="6" eb="8">
      <t>ヒキアテ</t>
    </rPh>
    <rPh sb="8" eb="9">
      <t>キン</t>
    </rPh>
    <phoneticPr fontId="2"/>
  </si>
  <si>
    <t>非支配株主持分</t>
    <rPh sb="0" eb="1">
      <t>ヒ</t>
    </rPh>
    <rPh sb="1" eb="3">
      <t>シハイ</t>
    </rPh>
    <rPh sb="3" eb="5">
      <t>カブヌシ</t>
    </rPh>
    <rPh sb="5" eb="6">
      <t>モ</t>
    </rPh>
    <rPh sb="6" eb="7">
      <t>ブン</t>
    </rPh>
    <phoneticPr fontId="2"/>
  </si>
  <si>
    <t>ビジネスソリューション</t>
  </si>
  <si>
    <t>ビジネスソリューション</t>
    <phoneticPr fontId="2"/>
  </si>
  <si>
    <t>当期純利益又は当期純損失（△）</t>
    <rPh sb="0" eb="2">
      <t>トウキ</t>
    </rPh>
    <phoneticPr fontId="2"/>
  </si>
  <si>
    <t>セグメント別売上高
（外部顧客に対する売上高）</t>
    <rPh sb="5" eb="6">
      <t>ベツ</t>
    </rPh>
    <rPh sb="11" eb="13">
      <t>ガイブ</t>
    </rPh>
    <rPh sb="13" eb="15">
      <t>コキャク</t>
    </rPh>
    <rPh sb="16" eb="17">
      <t>タイ</t>
    </rPh>
    <rPh sb="19" eb="21">
      <t>ウリアゲ</t>
    </rPh>
    <rPh sb="21" eb="22">
      <t>タカ</t>
    </rPh>
    <phoneticPr fontId="2"/>
  </si>
  <si>
    <t>合計</t>
    <rPh sb="0" eb="2">
      <t>ゴウケイ</t>
    </rPh>
    <phoneticPr fontId="2"/>
  </si>
  <si>
    <t>プロダクトビジネス</t>
    <phoneticPr fontId="2"/>
  </si>
  <si>
    <t>デバイスビジネス</t>
    <phoneticPr fontId="2"/>
  </si>
  <si>
    <t>外部顧客に対する売上高を表示しています。</t>
    <phoneticPr fontId="2"/>
  </si>
  <si>
    <t>顧客の所在地を基礎とし、国または地域に分類しています。</t>
    <phoneticPr fontId="2"/>
  </si>
  <si>
    <t>期末発行済株式数：自己株式を除く</t>
    <phoneticPr fontId="2"/>
  </si>
  <si>
    <t>1株当たりの純資産(BPS)＝自己資本÷期末発行済株式数</t>
    <phoneticPr fontId="2"/>
  </si>
  <si>
    <t>1株当たりの当期純利益(EPS)＝親会社株主に帰属する当期純利益÷期中平均株式数</t>
    <rPh sb="17" eb="18">
      <t>オヤ</t>
    </rPh>
    <rPh sb="18" eb="20">
      <t>カイシャ</t>
    </rPh>
    <rPh sb="20" eb="22">
      <t>カブヌシ</t>
    </rPh>
    <rPh sb="23" eb="25">
      <t>キゾク</t>
    </rPh>
    <phoneticPr fontId="2"/>
  </si>
  <si>
    <t>株価純資産倍率(PBR)＝期末株価÷1株当たり純資産(BPS)</t>
    <phoneticPr fontId="2"/>
  </si>
  <si>
    <t>株価収益率(PER)＝期末株価÷1株当たり当期純利益(EPS)</t>
    <phoneticPr fontId="2"/>
  </si>
  <si>
    <t>売上高当期純利益率＝親会社株主に帰属する当期純利益÷売上高</t>
    <rPh sb="0" eb="2">
      <t>ウリアゲ</t>
    </rPh>
    <rPh sb="2" eb="3">
      <t>タカ</t>
    </rPh>
    <rPh sb="3" eb="5">
      <t>トウキ</t>
    </rPh>
    <rPh sb="5" eb="8">
      <t>ジュンリエキ</t>
    </rPh>
    <rPh sb="8" eb="9">
      <t>リツ</t>
    </rPh>
    <rPh sb="10" eb="11">
      <t>オヤ</t>
    </rPh>
    <rPh sb="11" eb="13">
      <t>カイシャ</t>
    </rPh>
    <rPh sb="13" eb="15">
      <t>カブヌシ</t>
    </rPh>
    <rPh sb="16" eb="18">
      <t>キゾク</t>
    </rPh>
    <rPh sb="26" eb="28">
      <t>ウリアゲ</t>
    </rPh>
    <rPh sb="28" eb="29">
      <t>タカ</t>
    </rPh>
    <phoneticPr fontId="2"/>
  </si>
  <si>
    <t>自己資本当期純利益率(ROE)＝親会社株主に帰属する当期純利益÷｛（前期末自己資本＋当期末自己資本）÷2｝</t>
    <phoneticPr fontId="2"/>
  </si>
  <si>
    <t>総資産当期純利益率(ROA)＝親会社株主に帰属する当期純利益÷｛（前期末総資産＋当期末総資産）÷2｝</t>
    <phoneticPr fontId="2"/>
  </si>
  <si>
    <t>自己資本比率＝自己資本÷総資産</t>
    <phoneticPr fontId="2"/>
  </si>
  <si>
    <t>デット・エクイティ・レシオ＝有利子負債÷自己資本</t>
    <phoneticPr fontId="2"/>
  </si>
  <si>
    <t>総資産回転率＝売上高÷総資産</t>
    <phoneticPr fontId="2"/>
  </si>
  <si>
    <t>たな卸資産月商比＝たな卸資産÷（売上高÷12）</t>
    <phoneticPr fontId="2"/>
  </si>
  <si>
    <t>期末発行済株式数(普通株式)</t>
    <rPh sb="9" eb="11">
      <t>フツウ</t>
    </rPh>
    <rPh sb="11" eb="13">
      <t>カブシキ</t>
    </rPh>
    <phoneticPr fontId="2"/>
  </si>
  <si>
    <t>2017年3月期</t>
    <phoneticPr fontId="2"/>
  </si>
  <si>
    <t>ＩｏＴ通信</t>
    <rPh sb="3" eb="5">
      <t>ツウシン</t>
    </rPh>
    <phoneticPr fontId="2"/>
  </si>
  <si>
    <t>健康・環境システム</t>
    <rPh sb="0" eb="2">
      <t>ケンコウ</t>
    </rPh>
    <rPh sb="3" eb="5">
      <t>カンキョウ</t>
    </rPh>
    <phoneticPr fontId="2"/>
  </si>
  <si>
    <t>ビジネスソリューション</t>
    <phoneticPr fontId="2"/>
  </si>
  <si>
    <t>カメラモジュール</t>
    <phoneticPr fontId="2"/>
  </si>
  <si>
    <t>電子デバイス</t>
    <rPh sb="0" eb="2">
      <t>デンシ</t>
    </rPh>
    <phoneticPr fontId="2"/>
  </si>
  <si>
    <t>エネルギーソリューション</t>
    <phoneticPr fontId="2"/>
  </si>
  <si>
    <t>ディスプレイデバイス</t>
    <phoneticPr fontId="2"/>
  </si>
  <si>
    <t>健康･環境システム</t>
    <rPh sb="0" eb="2">
      <t>ケンコウ</t>
    </rPh>
    <rPh sb="3" eb="5">
      <t>カンキョウ</t>
    </rPh>
    <phoneticPr fontId="2"/>
  </si>
  <si>
    <t>販売促進引当金</t>
    <rPh sb="0" eb="2">
      <t>ハンバイ</t>
    </rPh>
    <rPh sb="2" eb="4">
      <t>ソクシン</t>
    </rPh>
    <rPh sb="4" eb="6">
      <t>ヒキアテ</t>
    </rPh>
    <rPh sb="6" eb="7">
      <t>キン</t>
    </rPh>
    <phoneticPr fontId="2"/>
  </si>
  <si>
    <t>連結の範囲の変更に伴う現金及び現金同等物の増減額（△は減少）</t>
    <rPh sb="0" eb="2">
      <t>レンケツ</t>
    </rPh>
    <rPh sb="3" eb="5">
      <t>ハンイ</t>
    </rPh>
    <rPh sb="6" eb="8">
      <t>ヘンコウ</t>
    </rPh>
    <rPh sb="21" eb="23">
      <t>ゾウゲン</t>
    </rPh>
    <rPh sb="27" eb="29">
      <t>ゲンショウ</t>
    </rPh>
    <phoneticPr fontId="2"/>
  </si>
  <si>
    <t>連結貸借対照表</t>
    <phoneticPr fontId="2"/>
  </si>
  <si>
    <t>2018年3月期</t>
    <phoneticPr fontId="2"/>
  </si>
  <si>
    <t>スマートホーム</t>
    <phoneticPr fontId="2"/>
  </si>
  <si>
    <t>スマートビジネスソリューション</t>
    <phoneticPr fontId="2"/>
  </si>
  <si>
    <t>IoTエレクトロデバイス</t>
    <phoneticPr fontId="2"/>
  </si>
  <si>
    <t>2017年3月期</t>
  </si>
  <si>
    <t>ＩｏＴエレクトロデバイス</t>
    <phoneticPr fontId="2"/>
  </si>
  <si>
    <t>アドバンスディスプレイシステム</t>
    <phoneticPr fontId="2"/>
  </si>
  <si>
    <t>2017年3月期より、セグメント区分を、ＩｏＴ通信、 健康・環境システム、ビジネスソリュ-ション、カメラモジュール、電子デバイス、エネルギーソリューション、ディスプレイデバイスの7区分に
変更しています。</t>
    <rPh sb="16" eb="18">
      <t>クブン</t>
    </rPh>
    <rPh sb="90" eb="92">
      <t>クブン</t>
    </rPh>
    <phoneticPr fontId="2"/>
  </si>
  <si>
    <t>2017年3月期より、セグメント区分を、ＩｏＴ通信、 健康・環境システム、ビジネスソリュ-ション、カメラモジュール、電子デバイス、エネルギーソリューション、ディスプレイデバイスの7区分に
変更しています。</t>
    <phoneticPr fontId="2"/>
  </si>
  <si>
    <t>アドバンスディスプレイシステム</t>
    <phoneticPr fontId="2"/>
  </si>
  <si>
    <t>2018年3月期より､セグメント区分を､スマートホーム、スマートビジネスソリューション､ＩｏＴエレクトロデバイス､アドバンスディスプレイシステムの4区分に変更しています。</t>
    <rPh sb="4" eb="5">
      <t>ネン</t>
    </rPh>
    <rPh sb="6" eb="8">
      <t>ガツキ</t>
    </rPh>
    <rPh sb="16" eb="18">
      <t>クブン</t>
    </rPh>
    <phoneticPr fontId="2"/>
  </si>
  <si>
    <t>スマートビジネスソリューション</t>
    <phoneticPr fontId="2"/>
  </si>
  <si>
    <t>営業利益</t>
  </si>
  <si>
    <t>売上原価</t>
  </si>
  <si>
    <t xml:space="preserve">            ※事業再編や区分変更等があるため、単純な時系列比較はできません。</t>
    <phoneticPr fontId="2"/>
  </si>
  <si>
    <t xml:space="preserve">            ※2018年3月期より、百万円未満を切捨てています。　　　　　　　　　　　　　</t>
    <rPh sb="17" eb="18">
      <t>ネン</t>
    </rPh>
    <rPh sb="19" eb="21">
      <t>ガツキ</t>
    </rPh>
    <rPh sb="24" eb="27">
      <t>ヒャクマンエン</t>
    </rPh>
    <rPh sb="27" eb="29">
      <t>ミマン</t>
    </rPh>
    <rPh sb="30" eb="32">
      <t>キリス</t>
    </rPh>
    <phoneticPr fontId="2"/>
  </si>
  <si>
    <t>旧セグメント売上高</t>
    <phoneticPr fontId="2"/>
  </si>
  <si>
    <t>旧セグメント利益</t>
    <phoneticPr fontId="2"/>
  </si>
  <si>
    <t>新株予約権</t>
    <rPh sb="0" eb="2">
      <t>シンカブ</t>
    </rPh>
    <rPh sb="2" eb="4">
      <t>ヨヤク</t>
    </rPh>
    <rPh sb="4" eb="5">
      <t>ケン</t>
    </rPh>
    <phoneticPr fontId="2"/>
  </si>
  <si>
    <t>2014年度  ～  2018年度</t>
    <rPh sb="4" eb="6">
      <t>ネンド</t>
    </rPh>
    <rPh sb="15" eb="17">
      <t>ネンド</t>
    </rPh>
    <phoneticPr fontId="2"/>
  </si>
  <si>
    <t>2019年3月期</t>
    <phoneticPr fontId="2"/>
  </si>
  <si>
    <t>2015年3月期</t>
  </si>
  <si>
    <t>2016年3月期</t>
  </si>
  <si>
    <t>2018年3月期</t>
  </si>
  <si>
    <t>▼89,940</t>
  </si>
  <si>
    <t>▼15,942</t>
  </si>
  <si>
    <t>-</t>
    <phoneticPr fontId="2"/>
  </si>
  <si>
    <t>－</t>
  </si>
  <si>
    <t>-</t>
    <phoneticPr fontId="2"/>
  </si>
  <si>
    <t>2019年3月期</t>
  </si>
  <si>
    <t>2019年3月期</t>
    <phoneticPr fontId="2"/>
  </si>
  <si>
    <t>-</t>
    <phoneticPr fontId="2"/>
  </si>
  <si>
    <t>(2014/4-2015/3)  　(2018/4-2019/3)</t>
    <phoneticPr fontId="2"/>
  </si>
  <si>
    <t>△161,967</t>
  </si>
  <si>
    <t>△222,347</t>
  </si>
  <si>
    <t>△255,972</t>
  </si>
  <si>
    <t>△24,877</t>
  </si>
  <si>
    <t>△1.7</t>
  </si>
  <si>
    <t>△6.6</t>
  </si>
  <si>
    <t>△8.0</t>
  </si>
  <si>
    <t>△10.4</t>
  </si>
  <si>
    <t>△1.2</t>
  </si>
  <si>
    <t>△197.4</t>
  </si>
  <si>
    <t>△19.8</t>
  </si>
  <si>
    <t>△10.7</t>
  </si>
  <si>
    <t>△14.5</t>
  </si>
  <si>
    <t>△1.5</t>
  </si>
  <si>
    <t>△31,211</t>
  </si>
  <si>
    <t>△2.7</t>
  </si>
  <si>
    <t>△18,866</t>
  </si>
  <si>
    <t>△16,043</t>
  </si>
  <si>
    <t>△40,513</t>
  </si>
  <si>
    <t>△90,677</t>
  </si>
  <si>
    <t>△126,006</t>
  </si>
  <si>
    <t>△167,587</t>
  </si>
  <si>
    <t>△136,090</t>
  </si>
  <si>
    <t>△15,360</t>
  </si>
  <si>
    <t>△29,133</t>
  </si>
  <si>
    <t>△88,517</t>
  </si>
  <si>
    <t>△20,736</t>
  </si>
  <si>
    <t>△88,544</t>
  </si>
  <si>
    <t>△161.79</t>
  </si>
  <si>
    <t>△131.51</t>
  </si>
  <si>
    <t>△154.64</t>
  </si>
  <si>
    <t>△48,065</t>
  </si>
  <si>
    <t>△89,940</t>
  </si>
  <si>
    <t>△76,051</t>
  </si>
  <si>
    <t>△20,109</t>
  </si>
  <si>
    <t>△15,942</t>
  </si>
  <si>
    <t>△15,538</t>
  </si>
  <si>
    <t>△122,751</t>
  </si>
  <si>
    <t>△73,415</t>
  </si>
  <si>
    <t>△7,619</t>
  </si>
  <si>
    <t>△18,425</t>
  </si>
  <si>
    <t>△177,258</t>
  </si>
  <si>
    <t>△132,123</t>
  </si>
  <si>
    <t>△29,844</t>
  </si>
  <si>
    <t>△184,526</t>
  </si>
  <si>
    <t>△21,830</t>
  </si>
  <si>
    <t>△62,679</t>
  </si>
  <si>
    <t>△129,173</t>
  </si>
  <si>
    <t>△11,025</t>
  </si>
  <si>
    <t>△37,040</t>
  </si>
  <si>
    <t>△4,054</t>
  </si>
  <si>
    <t>△5,349</t>
  </si>
  <si>
    <t>△8,562</t>
  </si>
  <si>
    <t>△8,118</t>
  </si>
  <si>
    <t>△4,000</t>
  </si>
  <si>
    <t>△2,017,442</t>
  </si>
  <si>
    <t>△1,960,118</t>
  </si>
  <si>
    <t>△1,846,683</t>
  </si>
  <si>
    <t>△1,828,299</t>
  </si>
  <si>
    <t>△1,823,840</t>
  </si>
  <si>
    <t>△942</t>
  </si>
  <si>
    <t>△2,259</t>
  </si>
  <si>
    <t>△2,548</t>
  </si>
  <si>
    <t>△2,095</t>
  </si>
  <si>
    <t>△2,480</t>
  </si>
  <si>
    <t>△87,448</t>
  </si>
  <si>
    <t>△123,644</t>
  </si>
  <si>
    <t>△148,597</t>
  </si>
  <si>
    <t>△13,893</t>
  </si>
  <si>
    <t>△13,899</t>
  </si>
  <si>
    <t>△13,902</t>
  </si>
  <si>
    <t>△13,936</t>
  </si>
  <si>
    <t>△13,987</t>
  </si>
  <si>
    <t>△843</t>
  </si>
  <si>
    <t>△3,205</t>
  </si>
  <si>
    <t>△220</t>
  </si>
  <si>
    <t>△18,106</t>
  </si>
  <si>
    <t>△38,456</t>
  </si>
  <si>
    <t>△44,355</t>
  </si>
  <si>
    <t>△47,302</t>
  </si>
  <si>
    <t>△44,251</t>
  </si>
  <si>
    <t>△79,566</t>
  </si>
  <si>
    <t>△100,799</t>
  </si>
  <si>
    <t>△95,296</t>
  </si>
  <si>
    <t>△79,330</t>
  </si>
  <si>
    <t>△76,208</t>
  </si>
  <si>
    <t>△86,323</t>
  </si>
  <si>
    <t>△128,464</t>
  </si>
  <si>
    <t>△125,138</t>
  </si>
  <si>
    <t>△112,961</t>
  </si>
  <si>
    <t>△107,148</t>
  </si>
  <si>
    <t>△96,526</t>
  </si>
  <si>
    <t>△192,460</t>
  </si>
  <si>
    <t>△188,834</t>
  </si>
  <si>
    <t>△231,122</t>
  </si>
  <si>
    <t>△587</t>
  </si>
  <si>
    <t>△11,523</t>
  </si>
  <si>
    <t>△220,247</t>
  </si>
  <si>
    <t>△253,186</t>
  </si>
  <si>
    <t>△24,325</t>
  </si>
  <si>
    <t>△814</t>
  </si>
  <si>
    <t>△365</t>
  </si>
  <si>
    <t>△458</t>
  </si>
  <si>
    <t>△7,939</t>
  </si>
  <si>
    <t>△4,443</t>
  </si>
  <si>
    <t>△118,423</t>
  </si>
  <si>
    <t>△82,678</t>
  </si>
  <si>
    <t>△49,017</t>
  </si>
  <si>
    <t>△176,577</t>
  </si>
  <si>
    <t>△43,050</t>
    <phoneticPr fontId="2"/>
  </si>
  <si>
    <t>△59,379</t>
    <phoneticPr fontId="2"/>
  </si>
  <si>
    <t>2018年3月期より､セグメント区分を､スマートホーム、スマートビジネスソリューション､ＩｏＴエレクトロデバイス､アドバンスディスプレイシステムの4区分に変更しています。</t>
    <rPh sb="77" eb="79">
      <t>ヘンコウ</t>
    </rPh>
    <phoneticPr fontId="2"/>
  </si>
  <si>
    <t>非支配株主に帰属する当期純利益又は非支配株主に帰属する当期純損失(△)</t>
    <rPh sb="0" eb="1">
      <t>ヒ</t>
    </rPh>
    <rPh sb="1" eb="3">
      <t>シハイ</t>
    </rPh>
    <rPh sb="3" eb="5">
      <t>カブヌシ</t>
    </rPh>
    <rPh sb="6" eb="8">
      <t>キゾク</t>
    </rPh>
    <rPh sb="10" eb="12">
      <t>トウキ</t>
    </rPh>
    <rPh sb="12" eb="15">
      <t>ジュンリエキ</t>
    </rPh>
    <rPh sb="15" eb="16">
      <t>マタ</t>
    </rPh>
    <rPh sb="17" eb="18">
      <t>ヒ</t>
    </rPh>
    <rPh sb="18" eb="20">
      <t>シハイ</t>
    </rPh>
    <rPh sb="20" eb="22">
      <t>カブヌシ</t>
    </rPh>
    <rPh sb="23" eb="25">
      <t>キゾク</t>
    </rPh>
    <rPh sb="27" eb="29">
      <t>トウキ</t>
    </rPh>
    <rPh sb="29" eb="30">
      <t>ジュン</t>
    </rPh>
    <rPh sb="30" eb="32">
      <t>ソンシツ</t>
    </rPh>
    <phoneticPr fontId="2"/>
  </si>
  <si>
    <t>親会社株主に帰属する当期純利益又は親会社株主に帰属する当期純損失（△）</t>
    <rPh sb="0" eb="1">
      <t>オヤ</t>
    </rPh>
    <rPh sb="1" eb="3">
      <t>カイシャ</t>
    </rPh>
    <rPh sb="3" eb="5">
      <t>カブヌシ</t>
    </rPh>
    <rPh sb="6" eb="8">
      <t>キゾク</t>
    </rPh>
    <phoneticPr fontId="2"/>
  </si>
  <si>
    <t>△68.56</t>
    <phoneticPr fontId="2"/>
  </si>
  <si>
    <t>2017年10月1日付けで普通株式10株につき1株の割合で株式併合を実施しています。2017年3月期の期首に当該株式併合が行われたと仮定し、1株当たり純資産（BPS）及び1株当たり当期</t>
    <rPh sb="4" eb="5">
      <t>ネン</t>
    </rPh>
    <rPh sb="7" eb="8">
      <t>ガツ</t>
    </rPh>
    <rPh sb="9" eb="10">
      <t>ニチ</t>
    </rPh>
    <rPh sb="10" eb="11">
      <t>ツ</t>
    </rPh>
    <rPh sb="13" eb="15">
      <t>フツウ</t>
    </rPh>
    <rPh sb="15" eb="17">
      <t>カブシキ</t>
    </rPh>
    <rPh sb="19" eb="20">
      <t>カブ</t>
    </rPh>
    <rPh sb="24" eb="25">
      <t>カブ</t>
    </rPh>
    <rPh sb="26" eb="28">
      <t>ワリアイ</t>
    </rPh>
    <rPh sb="29" eb="31">
      <t>カブシキ</t>
    </rPh>
    <rPh sb="31" eb="33">
      <t>ヘイゴウ</t>
    </rPh>
    <rPh sb="34" eb="36">
      <t>ジッシ</t>
    </rPh>
    <rPh sb="48" eb="50">
      <t>ガツキ</t>
    </rPh>
    <phoneticPr fontId="2"/>
  </si>
  <si>
    <t>純利益（EPS）を算定しています。</t>
    <phoneticPr fontId="2"/>
  </si>
  <si>
    <t>2019年3月期より、「『税効果会計に係る会計基準』の一部改正」（企業会計基準第28号 平成30年2月16日）等を適用しています。2018年3月期については当該会計基準等を遡って適用した</t>
    <rPh sb="57" eb="59">
      <t>テキヨウ</t>
    </rPh>
    <phoneticPr fontId="2"/>
  </si>
  <si>
    <t>後の金額等となっています。</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0">
    <numFmt numFmtId="176" formatCode="0.0%"/>
    <numFmt numFmtId="177" formatCode="#,##0_);[Red]\(#,##0\)"/>
    <numFmt numFmtId="178" formatCode="#,##0_ "/>
    <numFmt numFmtId="179" formatCode="&quot;[&quot;#,#00&quot;] &quot;"/>
    <numFmt numFmtId="180" formatCode="#,##0\ ;&quot;△&quot;#,##0\ "/>
    <numFmt numFmtId="181" formatCode="#,##0;&quot;△&quot;#,##0"/>
    <numFmt numFmtId="182" formatCode="#,##0.0;\-#,##0.0"/>
    <numFmt numFmtId="183" formatCode="#,##0.0;&quot;△&quot;#,##0.0"/>
    <numFmt numFmtId="184" formatCode="#,##0.00;&quot;△&quot;#,##0.00"/>
    <numFmt numFmtId="185" formatCode="#,##0;&quot;△ &quot;#,##0"/>
  </numFmts>
  <fonts count="22" x14ac:knownFonts="1">
    <font>
      <sz val="11"/>
      <name val="ＭＳ Ｐゴシック"/>
      <family val="3"/>
      <charset val="128"/>
    </font>
    <font>
      <sz val="11"/>
      <name val="ＭＳ Ｐゴシック"/>
      <family val="3"/>
      <charset val="128"/>
    </font>
    <font>
      <sz val="6"/>
      <name val="ＭＳ Ｐゴシック"/>
      <family val="3"/>
      <charset val="128"/>
    </font>
    <font>
      <sz val="12"/>
      <name val="ＭＳ Ｐゴシック"/>
      <family val="3"/>
      <charset val="128"/>
    </font>
    <font>
      <sz val="16"/>
      <name val="ＭＳ Ｐゴシック"/>
      <family val="3"/>
      <charset val="128"/>
    </font>
    <font>
      <sz val="40"/>
      <name val="ＭＳ Ｐゴシック"/>
      <family val="3"/>
      <charset val="128"/>
    </font>
    <font>
      <sz val="14"/>
      <name val="ＭＳ Ｐゴシック"/>
      <family val="3"/>
      <charset val="128"/>
    </font>
    <font>
      <sz val="10"/>
      <name val="Arial"/>
      <family val="2"/>
    </font>
    <font>
      <sz val="10"/>
      <name val="Arial"/>
      <family val="2"/>
    </font>
    <font>
      <sz val="10"/>
      <name val="ＭＳ Ｐゴシック"/>
      <family val="3"/>
      <charset val="128"/>
      <scheme val="minor"/>
    </font>
    <font>
      <b/>
      <sz val="12"/>
      <name val="ＭＳ Ｐゴシック"/>
      <family val="3"/>
      <charset val="128"/>
      <scheme val="minor"/>
    </font>
    <font>
      <i/>
      <sz val="9"/>
      <name val="ＭＳ Ｐゴシック"/>
      <family val="3"/>
      <charset val="128"/>
      <scheme val="minor"/>
    </font>
    <font>
      <b/>
      <sz val="14"/>
      <name val="ＭＳ Ｐゴシック"/>
      <family val="3"/>
      <charset val="128"/>
      <scheme val="minor"/>
    </font>
    <font>
      <b/>
      <sz val="9"/>
      <color indexed="10"/>
      <name val="ＭＳ Ｐゴシック"/>
      <family val="3"/>
      <charset val="128"/>
      <scheme val="minor"/>
    </font>
    <font>
      <sz val="9"/>
      <name val="ＭＳ Ｐゴシック"/>
      <family val="3"/>
      <charset val="128"/>
      <scheme val="minor"/>
    </font>
    <font>
      <sz val="14"/>
      <name val="ＭＳ Ｐゴシック"/>
      <family val="3"/>
      <charset val="128"/>
      <scheme val="minor"/>
    </font>
    <font>
      <sz val="17"/>
      <name val="ＭＳ Ｐゴシック"/>
      <family val="3"/>
      <charset val="128"/>
      <scheme val="minor"/>
    </font>
    <font>
      <sz val="11"/>
      <name val="ＭＳ Ｐゴシック"/>
      <family val="3"/>
      <charset val="128"/>
      <scheme val="minor"/>
    </font>
    <font>
      <sz val="10"/>
      <color indexed="18"/>
      <name val="ＭＳ Ｐゴシック"/>
      <family val="3"/>
      <charset val="128"/>
      <scheme val="minor"/>
    </font>
    <font>
      <sz val="10"/>
      <color rgb="FFFF0000"/>
      <name val="ＭＳ Ｐゴシック"/>
      <family val="3"/>
      <charset val="128"/>
      <scheme val="minor"/>
    </font>
    <font>
      <i/>
      <sz val="9"/>
      <color rgb="FFFF0000"/>
      <name val="ＭＳ Ｐゴシック"/>
      <family val="3"/>
      <charset val="128"/>
      <scheme val="minor"/>
    </font>
    <font>
      <sz val="10"/>
      <color rgb="FF00B0F0"/>
      <name val="ＭＳ Ｐゴシック"/>
      <family val="3"/>
      <charset val="128"/>
      <scheme val="minor"/>
    </font>
  </fonts>
  <fills count="2">
    <fill>
      <patternFill patternType="none"/>
    </fill>
    <fill>
      <patternFill patternType="gray125"/>
    </fill>
  </fills>
  <borders count="42">
    <border>
      <left/>
      <right/>
      <top/>
      <bottom/>
      <diagonal/>
    </border>
    <border>
      <left/>
      <right style="thin">
        <color indexed="8"/>
      </right>
      <top/>
      <bottom/>
      <diagonal/>
    </border>
    <border>
      <left/>
      <right/>
      <top style="thin">
        <color indexed="8"/>
      </top>
      <bottom style="thin">
        <color indexed="8"/>
      </bottom>
      <diagonal/>
    </border>
    <border>
      <left style="thin">
        <color indexed="8"/>
      </left>
      <right/>
      <top/>
      <bottom/>
      <diagonal/>
    </border>
    <border>
      <left/>
      <right/>
      <top style="thin">
        <color indexed="8"/>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right/>
      <top/>
      <bottom style="thin">
        <color indexed="64"/>
      </bottom>
      <diagonal/>
    </border>
    <border>
      <left style="thin">
        <color indexed="8"/>
      </left>
      <right/>
      <top style="thin">
        <color indexed="8"/>
      </top>
      <bottom/>
      <diagonal/>
    </border>
    <border>
      <left style="thin">
        <color indexed="64"/>
      </left>
      <right/>
      <top/>
      <bottom style="thin">
        <color indexed="64"/>
      </bottom>
      <diagonal/>
    </border>
    <border>
      <left/>
      <right/>
      <top style="thin">
        <color indexed="64"/>
      </top>
      <bottom style="thin">
        <color indexed="64"/>
      </bottom>
      <diagonal/>
    </border>
    <border>
      <left/>
      <right style="thin">
        <color indexed="8"/>
      </right>
      <top style="thin">
        <color indexed="8"/>
      </top>
      <bottom/>
      <diagonal/>
    </border>
    <border>
      <left/>
      <right style="thin">
        <color indexed="8"/>
      </right>
      <top style="thin">
        <color indexed="64"/>
      </top>
      <bottom style="thin">
        <color indexed="64"/>
      </bottom>
      <diagonal/>
    </border>
    <border>
      <left/>
      <right style="thin">
        <color indexed="8"/>
      </right>
      <top/>
      <bottom style="thin">
        <color indexed="64"/>
      </bottom>
      <diagonal/>
    </border>
    <border>
      <left/>
      <right style="thin">
        <color indexed="8"/>
      </right>
      <top style="thin">
        <color indexed="64"/>
      </top>
      <bottom/>
      <diagonal/>
    </border>
    <border>
      <left/>
      <right style="thin">
        <color indexed="64"/>
      </right>
      <top style="thin">
        <color indexed="8"/>
      </top>
      <bottom/>
      <diagonal/>
    </border>
    <border>
      <left/>
      <right style="thin">
        <color indexed="64"/>
      </right>
      <top/>
      <bottom style="thin">
        <color indexed="64"/>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right style="thin">
        <color indexed="64"/>
      </right>
      <top/>
      <bottom/>
      <diagonal/>
    </border>
    <border>
      <left/>
      <right style="thin">
        <color indexed="64"/>
      </right>
      <top style="thin">
        <color indexed="8"/>
      </top>
      <bottom style="thin">
        <color indexed="8"/>
      </bottom>
      <diagonal/>
    </border>
    <border>
      <left/>
      <right/>
      <top/>
      <bottom style="thin">
        <color indexed="8"/>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8"/>
      </left>
      <right/>
      <top style="thin">
        <color indexed="64"/>
      </top>
      <bottom/>
      <diagonal/>
    </border>
    <border>
      <left/>
      <right/>
      <top style="thin">
        <color auto="1"/>
      </top>
      <bottom/>
      <diagonal/>
    </border>
    <border>
      <left/>
      <right style="thin">
        <color indexed="8"/>
      </right>
      <top/>
      <bottom style="thin">
        <color indexed="8"/>
      </bottom>
      <diagonal/>
    </border>
    <border>
      <left style="thin">
        <color indexed="8"/>
      </left>
      <right/>
      <top style="thin">
        <color indexed="8"/>
      </top>
      <bottom style="thin">
        <color indexed="8"/>
      </bottom>
      <diagonal/>
    </border>
    <border>
      <left style="thin">
        <color indexed="8"/>
      </left>
      <right/>
      <top/>
      <bottom style="thin">
        <color indexed="8"/>
      </bottom>
      <diagonal/>
    </border>
    <border>
      <left/>
      <right/>
      <top/>
      <bottom style="thin">
        <color indexed="8"/>
      </bottom>
      <diagonal/>
    </border>
    <border>
      <left/>
      <right/>
      <top/>
      <bottom style="thin">
        <color indexed="64"/>
      </bottom>
      <diagonal/>
    </border>
    <border>
      <left style="thin">
        <color indexed="64"/>
      </left>
      <right/>
      <top/>
      <bottom style="thin">
        <color indexed="8"/>
      </bottom>
      <diagonal/>
    </border>
    <border>
      <left/>
      <right/>
      <top/>
      <bottom style="thin">
        <color auto="1"/>
      </bottom>
      <diagonal/>
    </border>
    <border>
      <left/>
      <right style="thin">
        <color indexed="64"/>
      </right>
      <top/>
      <bottom style="thin">
        <color indexed="8"/>
      </bottom>
      <diagonal/>
    </border>
    <border>
      <left/>
      <right style="thin">
        <color indexed="64"/>
      </right>
      <top style="thin">
        <color indexed="8"/>
      </top>
      <bottom style="thin">
        <color indexed="64"/>
      </bottom>
      <diagonal/>
    </border>
    <border>
      <left/>
      <right style="thin">
        <color auto="1"/>
      </right>
      <top/>
      <bottom/>
      <diagonal/>
    </border>
    <border>
      <left/>
      <right style="thin">
        <color indexed="8"/>
      </right>
      <top style="thin">
        <color indexed="8"/>
      </top>
      <bottom style="thin">
        <color indexed="8"/>
      </bottom>
      <diagonal/>
    </border>
    <border>
      <left/>
      <right style="thin">
        <color auto="1"/>
      </right>
      <top style="thin">
        <color indexed="8"/>
      </top>
      <bottom style="thin">
        <color indexed="8"/>
      </bottom>
      <diagonal/>
    </border>
    <border>
      <left style="thin">
        <color indexed="8"/>
      </left>
      <right/>
      <top/>
      <bottom style="thin">
        <color indexed="64"/>
      </bottom>
      <diagonal/>
    </border>
    <border>
      <left/>
      <right/>
      <top style="thin">
        <color auto="1"/>
      </top>
      <bottom style="thin">
        <color indexed="64"/>
      </bottom>
      <diagonal/>
    </border>
  </borders>
  <cellStyleXfs count="8">
    <xf numFmtId="0" fontId="0" fillId="0" borderId="0"/>
    <xf numFmtId="0" fontId="7" fillId="0" borderId="0"/>
    <xf numFmtId="0" fontId="8" fillId="0" borderId="0"/>
    <xf numFmtId="0" fontId="1" fillId="0" borderId="0">
      <alignment vertical="center"/>
    </xf>
    <xf numFmtId="0" fontId="1" fillId="0" borderId="0">
      <alignment vertical="center"/>
    </xf>
    <xf numFmtId="0" fontId="1" fillId="0" borderId="0">
      <alignment vertical="center"/>
    </xf>
    <xf numFmtId="0" fontId="7" fillId="0" borderId="0"/>
    <xf numFmtId="38" fontId="1" fillId="0" borderId="0" applyFont="0" applyFill="0" applyBorder="0" applyAlignment="0" applyProtection="0">
      <alignment vertical="center"/>
    </xf>
  </cellStyleXfs>
  <cellXfs count="259">
    <xf numFmtId="0" fontId="0" fillId="0" borderId="0" xfId="0"/>
    <xf numFmtId="0" fontId="9" fillId="0" borderId="0" xfId="2" applyFont="1" applyFill="1"/>
    <xf numFmtId="0" fontId="9" fillId="0" borderId="1" xfId="2" applyFont="1" applyFill="1" applyBorder="1"/>
    <xf numFmtId="0" fontId="10" fillId="0" borderId="2" xfId="2" applyFont="1" applyFill="1" applyBorder="1" applyAlignment="1">
      <alignment horizontal="left" vertical="top" wrapText="1" indent="1"/>
    </xf>
    <xf numFmtId="0" fontId="9" fillId="0" borderId="0" xfId="2" applyFont="1" applyFill="1" applyAlignment="1">
      <alignment horizontal="right" vertical="top"/>
    </xf>
    <xf numFmtId="49" fontId="16" fillId="0" borderId="0" xfId="2" applyNumberFormat="1" applyFont="1" applyFill="1" applyAlignment="1">
      <alignment horizontal="left" vertical="top"/>
    </xf>
    <xf numFmtId="0" fontId="17" fillId="0" borderId="2" xfId="2" applyFont="1" applyFill="1" applyBorder="1" applyAlignment="1">
      <alignment horizontal="left" vertical="top" wrapText="1" indent="1"/>
    </xf>
    <xf numFmtId="0" fontId="9" fillId="0" borderId="0" xfId="2" applyFont="1" applyFill="1" applyBorder="1"/>
    <xf numFmtId="0" fontId="9" fillId="0" borderId="6" xfId="2" applyFont="1" applyFill="1" applyBorder="1" applyAlignment="1">
      <alignment horizontal="center" vertical="top"/>
    </xf>
    <xf numFmtId="0" fontId="9" fillId="0" borderId="0" xfId="2" applyFont="1" applyFill="1" applyBorder="1" applyAlignment="1">
      <alignment horizontal="center" vertical="top"/>
    </xf>
    <xf numFmtId="37" fontId="9" fillId="0" borderId="0" xfId="2" applyNumberFormat="1" applyFont="1" applyFill="1" applyBorder="1" applyAlignment="1">
      <alignment horizontal="right" vertical="top" indent="1"/>
    </xf>
    <xf numFmtId="0" fontId="9" fillId="0" borderId="8" xfId="2" applyFont="1" applyFill="1" applyBorder="1" applyAlignment="1">
      <alignment horizontal="center" vertical="top"/>
    </xf>
    <xf numFmtId="0" fontId="9" fillId="0" borderId="4" xfId="2" applyFont="1" applyFill="1" applyBorder="1" applyAlignment="1">
      <alignment horizontal="center" vertical="top"/>
    </xf>
    <xf numFmtId="49" fontId="9" fillId="0" borderId="6" xfId="2" applyNumberFormat="1" applyFont="1" applyFill="1" applyBorder="1" applyAlignment="1">
      <alignment horizontal="left" vertical="top" wrapText="1" indent="1"/>
    </xf>
    <xf numFmtId="49" fontId="9" fillId="0" borderId="0" xfId="2" applyNumberFormat="1" applyFont="1" applyFill="1" applyBorder="1" applyAlignment="1">
      <alignment horizontal="left" vertical="top" wrapText="1" indent="1"/>
    </xf>
    <xf numFmtId="178" fontId="9" fillId="0" borderId="0" xfId="4" applyNumberFormat="1" applyFont="1" applyFill="1" applyBorder="1" applyProtection="1">
      <alignment vertical="center"/>
    </xf>
    <xf numFmtId="178" fontId="9" fillId="0" borderId="0" xfId="5" applyNumberFormat="1" applyFont="1" applyFill="1" applyBorder="1" applyAlignment="1" applyProtection="1">
      <alignment horizontal="right" vertical="center"/>
    </xf>
    <xf numFmtId="178" fontId="9" fillId="0" borderId="0" xfId="4" applyNumberFormat="1" applyFont="1" applyFill="1" applyBorder="1" applyAlignment="1" applyProtection="1">
      <alignment horizontal="right" vertical="center"/>
    </xf>
    <xf numFmtId="180" fontId="9" fillId="0" borderId="0" xfId="5" applyNumberFormat="1" applyFont="1" applyFill="1" applyBorder="1" applyAlignment="1" applyProtection="1">
      <alignment horizontal="right" vertical="center"/>
    </xf>
    <xf numFmtId="179" fontId="9" fillId="0" borderId="0" xfId="4" applyNumberFormat="1" applyFont="1" applyFill="1" applyBorder="1" applyProtection="1">
      <alignment vertical="center"/>
    </xf>
    <xf numFmtId="177" fontId="9" fillId="0" borderId="0" xfId="4" applyNumberFormat="1" applyFont="1" applyFill="1" applyBorder="1" applyAlignment="1">
      <alignment horizontal="right" vertical="center"/>
    </xf>
    <xf numFmtId="0" fontId="9" fillId="0" borderId="0" xfId="5" applyFont="1" applyFill="1" applyBorder="1">
      <alignment vertical="center"/>
    </xf>
    <xf numFmtId="178" fontId="18" fillId="0" borderId="0" xfId="4" applyNumberFormat="1" applyFont="1" applyFill="1" applyBorder="1" applyAlignment="1" applyProtection="1">
      <alignment horizontal="right" vertical="center"/>
    </xf>
    <xf numFmtId="49" fontId="9" fillId="0" borderId="0" xfId="2" applyNumberFormat="1" applyFont="1" applyFill="1" applyBorder="1" applyAlignment="1">
      <alignment horizontal="left" vertical="top" wrapText="1" indent="4"/>
    </xf>
    <xf numFmtId="49" fontId="9" fillId="0" borderId="0" xfId="2" applyNumberFormat="1" applyFont="1" applyFill="1" applyBorder="1" applyAlignment="1">
      <alignment horizontal="left" vertical="top" wrapText="1" indent="3"/>
    </xf>
    <xf numFmtId="49" fontId="9" fillId="0" borderId="0" xfId="2" applyNumberFormat="1" applyFont="1" applyFill="1" applyBorder="1" applyAlignment="1">
      <alignment horizontal="left" vertical="top" wrapText="1" indent="2"/>
    </xf>
    <xf numFmtId="177" fontId="9" fillId="0" borderId="0" xfId="4" applyNumberFormat="1" applyFont="1" applyFill="1" applyBorder="1" applyAlignment="1" applyProtection="1">
      <alignment horizontal="right" vertical="center"/>
    </xf>
    <xf numFmtId="180" fontId="18" fillId="0" borderId="0" xfId="4" applyNumberFormat="1" applyFont="1" applyFill="1" applyBorder="1" applyAlignment="1" applyProtection="1">
      <alignment horizontal="right" vertical="center"/>
    </xf>
    <xf numFmtId="181" fontId="9" fillId="0" borderId="0" xfId="4" applyNumberFormat="1" applyFont="1" applyFill="1" applyBorder="1" applyAlignment="1" applyProtection="1">
      <alignment horizontal="right" vertical="center" indent="1"/>
    </xf>
    <xf numFmtId="181" fontId="9" fillId="0" borderId="12" xfId="4" applyNumberFormat="1" applyFont="1" applyFill="1" applyBorder="1" applyAlignment="1" applyProtection="1">
      <alignment horizontal="right" vertical="center" indent="1"/>
    </xf>
    <xf numFmtId="181" fontId="9" fillId="0" borderId="1" xfId="4" applyNumberFormat="1" applyFont="1" applyFill="1" applyBorder="1" applyAlignment="1" applyProtection="1">
      <alignment horizontal="right" vertical="center" indent="1"/>
    </xf>
    <xf numFmtId="181" fontId="9" fillId="0" borderId="0" xfId="5" applyNumberFormat="1" applyFont="1" applyFill="1" applyBorder="1" applyAlignment="1" applyProtection="1">
      <alignment horizontal="right" vertical="center" indent="1"/>
    </xf>
    <xf numFmtId="181" fontId="9" fillId="0" borderId="1" xfId="5" applyNumberFormat="1" applyFont="1" applyFill="1" applyBorder="1" applyAlignment="1" applyProtection="1">
      <alignment horizontal="right" vertical="center" indent="1"/>
    </xf>
    <xf numFmtId="181" fontId="9" fillId="0" borderId="11" xfId="4" applyNumberFormat="1" applyFont="1" applyFill="1" applyBorder="1" applyAlignment="1" applyProtection="1">
      <alignment horizontal="right" vertical="center" indent="1"/>
    </xf>
    <xf numFmtId="181" fontId="9" fillId="0" borderId="13" xfId="4" applyNumberFormat="1" applyFont="1" applyFill="1" applyBorder="1" applyAlignment="1" applyProtection="1">
      <alignment horizontal="right" vertical="center" indent="1"/>
    </xf>
    <xf numFmtId="181" fontId="9" fillId="0" borderId="11" xfId="4" applyNumberFormat="1" applyFont="1" applyFill="1" applyBorder="1" applyAlignment="1">
      <alignment horizontal="right" vertical="center" indent="1"/>
    </xf>
    <xf numFmtId="181" fontId="9" fillId="0" borderId="13" xfId="4" applyNumberFormat="1" applyFont="1" applyFill="1" applyBorder="1" applyAlignment="1">
      <alignment horizontal="right" vertical="center" indent="1"/>
    </xf>
    <xf numFmtId="181" fontId="9" fillId="0" borderId="0" xfId="4" applyNumberFormat="1" applyFont="1" applyFill="1" applyBorder="1" applyAlignment="1">
      <alignment horizontal="right" vertical="center" indent="1"/>
    </xf>
    <xf numFmtId="181" fontId="9" fillId="0" borderId="1" xfId="4" applyNumberFormat="1" applyFont="1" applyFill="1" applyBorder="1" applyAlignment="1">
      <alignment horizontal="right" vertical="center" indent="1"/>
    </xf>
    <xf numFmtId="181" fontId="9" fillId="0" borderId="14" xfId="4" applyNumberFormat="1" applyFont="1" applyFill="1" applyBorder="1" applyAlignment="1" applyProtection="1">
      <alignment horizontal="right" vertical="center" indent="1"/>
    </xf>
    <xf numFmtId="181" fontId="9" fillId="0" borderId="6" xfId="5" applyNumberFormat="1" applyFont="1" applyFill="1" applyBorder="1" applyAlignment="1" applyProtection="1">
      <alignment horizontal="right" vertical="center" indent="1"/>
    </xf>
    <xf numFmtId="181" fontId="9" fillId="0" borderId="15" xfId="5" applyNumberFormat="1" applyFont="1" applyFill="1" applyBorder="1" applyAlignment="1" applyProtection="1">
      <alignment horizontal="right" vertical="center" indent="1"/>
    </xf>
    <xf numFmtId="181" fontId="9" fillId="0" borderId="0" xfId="5" applyNumberFormat="1" applyFont="1" applyFill="1" applyBorder="1" applyAlignment="1">
      <alignment horizontal="right" vertical="center" indent="1"/>
    </xf>
    <xf numFmtId="181" fontId="9" fillId="0" borderId="1" xfId="5" applyNumberFormat="1" applyFont="1" applyFill="1" applyBorder="1" applyAlignment="1">
      <alignment horizontal="right" vertical="center" indent="1"/>
    </xf>
    <xf numFmtId="181" fontId="9" fillId="0" borderId="11" xfId="5" applyNumberFormat="1" applyFont="1" applyFill="1" applyBorder="1" applyAlignment="1" applyProtection="1">
      <alignment horizontal="right" vertical="center" indent="1"/>
    </xf>
    <xf numFmtId="181" fontId="9" fillId="0" borderId="13" xfId="5" applyNumberFormat="1" applyFont="1" applyFill="1" applyBorder="1" applyAlignment="1" applyProtection="1">
      <alignment horizontal="right" vertical="center" indent="1"/>
    </xf>
    <xf numFmtId="181" fontId="18" fillId="0" borderId="0" xfId="4" applyNumberFormat="1" applyFont="1" applyFill="1" applyBorder="1" applyAlignment="1" applyProtection="1">
      <alignment horizontal="right" vertical="center" indent="1"/>
    </xf>
    <xf numFmtId="181" fontId="9" fillId="0" borderId="0" xfId="3" applyNumberFormat="1" applyFont="1" applyFill="1" applyBorder="1" applyAlignment="1" applyProtection="1">
      <alignment horizontal="right" vertical="center" indent="1"/>
    </xf>
    <xf numFmtId="181" fontId="9" fillId="0" borderId="8" xfId="3" applyNumberFormat="1" applyFont="1" applyFill="1" applyBorder="1" applyAlignment="1" applyProtection="1">
      <alignment horizontal="right" vertical="center" indent="1"/>
    </xf>
    <xf numFmtId="181" fontId="9" fillId="0" borderId="6" xfId="3" applyNumberFormat="1" applyFont="1" applyFill="1" applyBorder="1" applyAlignment="1" applyProtection="1">
      <alignment horizontal="right" vertical="center" indent="1"/>
    </xf>
    <xf numFmtId="181" fontId="9" fillId="0" borderId="11" xfId="3" applyNumberFormat="1" applyFont="1" applyFill="1" applyBorder="1" applyAlignment="1" applyProtection="1">
      <alignment horizontal="right" vertical="center" indent="1"/>
    </xf>
    <xf numFmtId="0" fontId="9" fillId="0" borderId="0" xfId="2" applyFont="1" applyFill="1" applyAlignment="1">
      <alignment horizontal="right"/>
    </xf>
    <xf numFmtId="181" fontId="9" fillId="0" borderId="2" xfId="3" applyNumberFormat="1" applyFont="1" applyFill="1" applyBorder="1" applyAlignment="1" applyProtection="1">
      <alignment horizontal="right" vertical="center" indent="1"/>
    </xf>
    <xf numFmtId="0" fontId="0" fillId="0" borderId="0" xfId="0" applyAlignment="1">
      <alignment vertical="center"/>
    </xf>
    <xf numFmtId="0" fontId="0" fillId="0" borderId="0" xfId="0" applyAlignment="1">
      <alignment horizontal="right" vertical="center"/>
    </xf>
    <xf numFmtId="0" fontId="0" fillId="0" borderId="0" xfId="0" applyAlignment="1">
      <alignment horizontal="centerContinuous" vertical="center"/>
    </xf>
    <xf numFmtId="0" fontId="0" fillId="0" borderId="0" xfId="0" applyAlignment="1">
      <alignment horizontal="center" vertical="center"/>
    </xf>
    <xf numFmtId="0" fontId="0" fillId="0" borderId="0" xfId="0" applyBorder="1" applyAlignment="1">
      <alignment vertical="center"/>
    </xf>
    <xf numFmtId="0" fontId="6" fillId="0" borderId="7" xfId="0" applyFont="1" applyBorder="1" applyAlignment="1">
      <alignment horizontal="center" vertical="center"/>
    </xf>
    <xf numFmtId="0" fontId="6" fillId="0" borderId="0" xfId="0" applyFont="1" applyBorder="1" applyAlignment="1">
      <alignment horizontal="center" vertical="center"/>
    </xf>
    <xf numFmtId="0" fontId="6" fillId="0" borderId="20" xfId="0" applyFont="1" applyBorder="1" applyAlignment="1">
      <alignment horizontal="center" vertical="center"/>
    </xf>
    <xf numFmtId="0" fontId="0" fillId="0" borderId="0" xfId="0" applyBorder="1" applyAlignment="1">
      <alignment horizontal="centerContinuous" vertical="center"/>
    </xf>
    <xf numFmtId="0" fontId="6" fillId="0" borderId="10" xfId="0" applyFont="1" applyBorder="1" applyAlignment="1">
      <alignment horizontal="left" vertical="center"/>
    </xf>
    <xf numFmtId="0" fontId="6" fillId="0" borderId="8" xfId="0" applyFont="1" applyBorder="1" applyAlignment="1">
      <alignment vertical="center"/>
    </xf>
    <xf numFmtId="0" fontId="0" fillId="0" borderId="8" xfId="0" applyBorder="1" applyAlignment="1">
      <alignment vertical="center"/>
    </xf>
    <xf numFmtId="49" fontId="6" fillId="0" borderId="17" xfId="0" applyNumberFormat="1" applyFont="1" applyBorder="1" applyAlignment="1">
      <alignment horizontal="left" vertical="center"/>
    </xf>
    <xf numFmtId="10" fontId="0" fillId="0" borderId="0" xfId="0" applyNumberFormat="1" applyAlignment="1">
      <alignment vertical="center"/>
    </xf>
    <xf numFmtId="49" fontId="9" fillId="0" borderId="7" xfId="2" applyNumberFormat="1" applyFont="1" applyFill="1" applyBorder="1" applyAlignment="1">
      <alignment horizontal="left" vertical="center" wrapText="1" indent="1"/>
    </xf>
    <xf numFmtId="49" fontId="9" fillId="0" borderId="9" xfId="2" applyNumberFormat="1" applyFont="1" applyFill="1" applyBorder="1" applyAlignment="1">
      <alignment horizontal="left" vertical="center" wrapText="1" indent="1"/>
    </xf>
    <xf numFmtId="49" fontId="9" fillId="0" borderId="10" xfId="2" applyNumberFormat="1" applyFont="1" applyFill="1" applyBorder="1" applyAlignment="1">
      <alignment horizontal="left" vertical="center" wrapText="1" indent="1"/>
    </xf>
    <xf numFmtId="49" fontId="17" fillId="0" borderId="2" xfId="2" applyNumberFormat="1" applyFont="1" applyFill="1" applyBorder="1" applyAlignment="1">
      <alignment horizontal="right" vertical="center" indent="1"/>
    </xf>
    <xf numFmtId="0" fontId="9" fillId="0" borderId="0" xfId="6" applyFont="1" applyFill="1"/>
    <xf numFmtId="49" fontId="16" fillId="0" borderId="0" xfId="6" applyNumberFormat="1" applyFont="1" applyFill="1" applyAlignment="1">
      <alignment horizontal="left" vertical="top"/>
    </xf>
    <xf numFmtId="0" fontId="9" fillId="0" borderId="1" xfId="6" applyFont="1" applyFill="1" applyBorder="1"/>
    <xf numFmtId="49" fontId="17" fillId="0" borderId="2" xfId="6" applyNumberFormat="1" applyFont="1" applyFill="1" applyBorder="1" applyAlignment="1">
      <alignment horizontal="right" vertical="top" indent="1"/>
    </xf>
    <xf numFmtId="0" fontId="14" fillId="0" borderId="0" xfId="6" applyFont="1" applyFill="1" applyAlignment="1">
      <alignment horizontal="left" vertical="top"/>
    </xf>
    <xf numFmtId="0" fontId="9" fillId="0" borderId="0" xfId="6" applyFont="1" applyFill="1" applyBorder="1"/>
    <xf numFmtId="0" fontId="14" fillId="0" borderId="0" xfId="6" applyFont="1" applyFill="1" applyBorder="1" applyAlignment="1">
      <alignment horizontal="left" vertical="top"/>
    </xf>
    <xf numFmtId="0" fontId="11" fillId="0" borderId="0" xfId="6" applyFont="1" applyFill="1" applyBorder="1" applyAlignment="1">
      <alignment horizontal="left" vertical="top"/>
    </xf>
    <xf numFmtId="181" fontId="9" fillId="0" borderId="4" xfId="4" applyNumberFormat="1" applyFont="1" applyFill="1" applyBorder="1" applyAlignment="1" applyProtection="1">
      <alignment horizontal="right" vertical="center" indent="1"/>
    </xf>
    <xf numFmtId="181" fontId="9" fillId="0" borderId="4" xfId="3" applyNumberFormat="1" applyFont="1" applyFill="1" applyBorder="1" applyAlignment="1" applyProtection="1">
      <alignment horizontal="right" vertical="center" indent="1"/>
    </xf>
    <xf numFmtId="0" fontId="12" fillId="0" borderId="0" xfId="4" applyFont="1" applyFill="1" applyAlignment="1">
      <alignment horizontal="left" vertical="center"/>
    </xf>
    <xf numFmtId="0" fontId="9" fillId="0" borderId="0" xfId="6" applyFont="1" applyFill="1" applyAlignment="1">
      <alignment horizontal="right"/>
    </xf>
    <xf numFmtId="0" fontId="15" fillId="0" borderId="0" xfId="4" applyFont="1" applyFill="1" applyAlignment="1">
      <alignment horizontal="left" vertical="center"/>
    </xf>
    <xf numFmtId="0" fontId="13" fillId="0" borderId="0" xfId="4" applyFont="1" applyFill="1" applyAlignment="1">
      <alignment horizontal="centerContinuous"/>
    </xf>
    <xf numFmtId="0" fontId="14" fillId="0" borderId="0" xfId="4" applyFont="1" applyFill="1" applyAlignment="1">
      <alignment horizontal="centerContinuous" vertical="center"/>
    </xf>
    <xf numFmtId="176" fontId="14" fillId="0" borderId="0" xfId="4" applyNumberFormat="1" applyFont="1" applyFill="1" applyAlignment="1">
      <alignment horizontal="centerContinuous" vertical="center"/>
    </xf>
    <xf numFmtId="0" fontId="14" fillId="0" borderId="0" xfId="4" applyFont="1" applyFill="1">
      <alignment vertical="center"/>
    </xf>
    <xf numFmtId="0" fontId="9" fillId="0" borderId="0" xfId="6" applyFont="1" applyFill="1" applyAlignment="1">
      <alignment horizontal="right" vertical="top"/>
    </xf>
    <xf numFmtId="181" fontId="9" fillId="0" borderId="28" xfId="4" applyNumberFormat="1" applyFont="1" applyFill="1" applyBorder="1" applyAlignment="1" applyProtection="1">
      <alignment horizontal="right" vertical="center" indent="1"/>
    </xf>
    <xf numFmtId="181" fontId="9" fillId="0" borderId="4" xfId="5" applyNumberFormat="1" applyFont="1" applyFill="1" applyBorder="1" applyAlignment="1" applyProtection="1">
      <alignment horizontal="right" vertical="center" indent="1"/>
    </xf>
    <xf numFmtId="181" fontId="9" fillId="0" borderId="12" xfId="5" applyNumberFormat="1" applyFont="1" applyFill="1" applyBorder="1" applyAlignment="1" applyProtection="1">
      <alignment horizontal="right" vertical="center" indent="1"/>
    </xf>
    <xf numFmtId="181" fontId="9" fillId="0" borderId="16" xfId="3" applyNumberFormat="1" applyFont="1" applyFill="1" applyBorder="1" applyAlignment="1" applyProtection="1">
      <alignment horizontal="right" vertical="center" indent="1"/>
    </xf>
    <xf numFmtId="181" fontId="9" fillId="0" borderId="17" xfId="3" applyNumberFormat="1" applyFont="1" applyFill="1" applyBorder="1" applyAlignment="1" applyProtection="1">
      <alignment horizontal="right" vertical="center" indent="1"/>
    </xf>
    <xf numFmtId="181" fontId="9" fillId="0" borderId="27" xfId="3" applyNumberFormat="1" applyFont="1" applyFill="1" applyBorder="1" applyAlignment="1" applyProtection="1">
      <alignment horizontal="right" vertical="center" indent="1"/>
    </xf>
    <xf numFmtId="181" fontId="9" fillId="0" borderId="18" xfId="3" applyNumberFormat="1" applyFont="1" applyFill="1" applyBorder="1" applyAlignment="1" applyProtection="1">
      <alignment horizontal="right" vertical="center" indent="1"/>
    </xf>
    <xf numFmtId="181" fontId="9" fillId="0" borderId="19" xfId="3" applyNumberFormat="1" applyFont="1" applyFill="1" applyBorder="1" applyAlignment="1" applyProtection="1">
      <alignment horizontal="right" vertical="center" indent="1"/>
    </xf>
    <xf numFmtId="181" fontId="9" fillId="0" borderId="20" xfId="3" applyNumberFormat="1" applyFont="1" applyFill="1" applyBorder="1" applyAlignment="1" applyProtection="1">
      <alignment horizontal="right" vertical="center" indent="1"/>
    </xf>
    <xf numFmtId="181" fontId="9" fillId="0" borderId="21" xfId="3" applyNumberFormat="1" applyFont="1" applyFill="1" applyBorder="1" applyAlignment="1" applyProtection="1">
      <alignment horizontal="right" vertical="center" indent="1"/>
    </xf>
    <xf numFmtId="49" fontId="9" fillId="0" borderId="30" xfId="6" applyNumberFormat="1" applyFont="1" applyFill="1" applyBorder="1" applyAlignment="1">
      <alignment horizontal="left" vertical="top" wrapText="1" indent="2"/>
    </xf>
    <xf numFmtId="0" fontId="9" fillId="0" borderId="22" xfId="6" applyFont="1" applyFill="1" applyBorder="1" applyAlignment="1">
      <alignment horizontal="center" vertical="top"/>
    </xf>
    <xf numFmtId="37" fontId="9" fillId="0" borderId="22" xfId="6" applyNumberFormat="1" applyFont="1" applyFill="1" applyBorder="1" applyAlignment="1">
      <alignment horizontal="right" vertical="top" indent="1"/>
    </xf>
    <xf numFmtId="182" fontId="14" fillId="0" borderId="0" xfId="6" applyNumberFormat="1" applyFont="1" applyFill="1" applyBorder="1" applyAlignment="1">
      <alignment horizontal="left" vertical="top"/>
    </xf>
    <xf numFmtId="49" fontId="9" fillId="0" borderId="3" xfId="6" applyNumberFormat="1" applyFont="1" applyFill="1" applyBorder="1" applyAlignment="1">
      <alignment horizontal="left" vertical="top" wrapText="1" indent="1"/>
    </xf>
    <xf numFmtId="49" fontId="9" fillId="0" borderId="26" xfId="6" applyNumberFormat="1" applyFont="1" applyFill="1" applyBorder="1" applyAlignment="1">
      <alignment horizontal="left" vertical="top" wrapText="1" indent="1"/>
    </xf>
    <xf numFmtId="0" fontId="9" fillId="0" borderId="6" xfId="6" applyFont="1" applyFill="1" applyBorder="1" applyAlignment="1">
      <alignment horizontal="center" vertical="top"/>
    </xf>
    <xf numFmtId="37" fontId="9" fillId="0" borderId="6" xfId="6" applyNumberFormat="1" applyFont="1" applyFill="1" applyBorder="1" applyAlignment="1">
      <alignment horizontal="right" vertical="top" indent="1"/>
    </xf>
    <xf numFmtId="49" fontId="17" fillId="0" borderId="0" xfId="6" applyNumberFormat="1" applyFont="1" applyFill="1" applyBorder="1" applyAlignment="1">
      <alignment horizontal="right" vertical="top" indent="1"/>
    </xf>
    <xf numFmtId="0" fontId="10" fillId="0" borderId="0" xfId="6" applyFont="1" applyFill="1" applyBorder="1" applyAlignment="1">
      <alignment horizontal="left" vertical="top" wrapText="1" indent="1"/>
    </xf>
    <xf numFmtId="49" fontId="9" fillId="0" borderId="7" xfId="2" applyNumberFormat="1" applyFont="1" applyFill="1" applyBorder="1" applyAlignment="1">
      <alignment horizontal="left" vertical="center" wrapText="1" indent="1" shrinkToFit="1"/>
    </xf>
    <xf numFmtId="49" fontId="17" fillId="0" borderId="29" xfId="6" applyNumberFormat="1" applyFont="1" applyFill="1" applyBorder="1" applyAlignment="1">
      <alignment horizontal="right" vertical="top" indent="1"/>
    </xf>
    <xf numFmtId="49" fontId="9" fillId="0" borderId="9" xfId="6" applyNumberFormat="1" applyFont="1" applyFill="1" applyBorder="1" applyAlignment="1">
      <alignment horizontal="left" vertical="top" wrapText="1" indent="1"/>
    </xf>
    <xf numFmtId="49" fontId="9" fillId="0" borderId="3" xfId="6" applyNumberFormat="1" applyFont="1" applyFill="1" applyBorder="1" applyAlignment="1">
      <alignment horizontal="left" vertical="top" wrapText="1" indent="2"/>
    </xf>
    <xf numFmtId="49" fontId="9" fillId="0" borderId="3" xfId="6" applyNumberFormat="1" applyFont="1" applyFill="1" applyBorder="1" applyAlignment="1">
      <alignment horizontal="left" vertical="top" wrapText="1" indent="3"/>
    </xf>
    <xf numFmtId="49" fontId="9" fillId="0" borderId="3" xfId="6" applyNumberFormat="1" applyFont="1" applyFill="1" applyBorder="1" applyAlignment="1">
      <alignment horizontal="left" vertical="top" wrapText="1" indent="4"/>
    </xf>
    <xf numFmtId="0" fontId="10" fillId="0" borderId="29" xfId="6" applyFont="1" applyFill="1" applyBorder="1" applyAlignment="1">
      <alignment horizontal="left" vertical="top" wrapText="1" indent="1"/>
    </xf>
    <xf numFmtId="49" fontId="9" fillId="0" borderId="3" xfId="6" applyNumberFormat="1" applyFont="1" applyFill="1" applyBorder="1" applyAlignment="1">
      <alignment horizontal="left" vertical="top" indent="3" shrinkToFit="1"/>
    </xf>
    <xf numFmtId="181" fontId="9" fillId="0" borderId="27" xfId="5" applyNumberFormat="1" applyFont="1" applyFill="1" applyBorder="1" applyAlignment="1" applyProtection="1">
      <alignment horizontal="right" vertical="center" indent="1"/>
    </xf>
    <xf numFmtId="37" fontId="9" fillId="0" borderId="0" xfId="6" applyNumberFormat="1" applyFont="1" applyFill="1" applyBorder="1" applyAlignment="1">
      <alignment horizontal="right" vertical="top" indent="1"/>
    </xf>
    <xf numFmtId="0" fontId="19" fillId="0" borderId="0" xfId="6" applyFont="1" applyFill="1"/>
    <xf numFmtId="0" fontId="20" fillId="0" borderId="0" xfId="6" applyFont="1" applyFill="1" applyBorder="1" applyAlignment="1">
      <alignment horizontal="left" vertical="top"/>
    </xf>
    <xf numFmtId="182" fontId="19" fillId="0" borderId="0" xfId="6" applyNumberFormat="1" applyFont="1" applyFill="1" applyBorder="1" applyAlignment="1">
      <alignment horizontal="right" vertical="top" indent="1"/>
    </xf>
    <xf numFmtId="0" fontId="19" fillId="0" borderId="0" xfId="6" applyFont="1" applyFill="1" applyBorder="1"/>
    <xf numFmtId="49" fontId="17" fillId="0" borderId="22" xfId="6" applyNumberFormat="1" applyFont="1" applyFill="1" applyBorder="1" applyAlignment="1">
      <alignment horizontal="right" vertical="top" indent="1"/>
    </xf>
    <xf numFmtId="185" fontId="9" fillId="0" borderId="0" xfId="6" applyNumberFormat="1" applyFont="1" applyFill="1" applyBorder="1" applyAlignment="1">
      <alignment horizontal="right" vertical="top" indent="1"/>
    </xf>
    <xf numFmtId="185" fontId="9" fillId="0" borderId="22" xfId="6" applyNumberFormat="1" applyFont="1" applyFill="1" applyBorder="1" applyAlignment="1">
      <alignment horizontal="right" vertical="top" indent="1"/>
    </xf>
    <xf numFmtId="0" fontId="12" fillId="0" borderId="0" xfId="4" applyFont="1" applyFill="1" applyAlignment="1" applyProtection="1">
      <alignment horizontal="left" vertical="center"/>
    </xf>
    <xf numFmtId="0" fontId="15" fillId="0" borderId="0" xfId="4" applyFont="1" applyFill="1" applyAlignment="1" applyProtection="1">
      <alignment horizontal="left" vertical="center"/>
    </xf>
    <xf numFmtId="0" fontId="13" fillId="0" borderId="0" xfId="4" applyFont="1" applyFill="1" applyAlignment="1" applyProtection="1">
      <alignment horizontal="centerContinuous"/>
    </xf>
    <xf numFmtId="0" fontId="14" fillId="0" borderId="0" xfId="4" applyFont="1" applyFill="1" applyAlignment="1" applyProtection="1">
      <alignment horizontal="centerContinuous" vertical="center"/>
    </xf>
    <xf numFmtId="0" fontId="9" fillId="0" borderId="0" xfId="2" applyFont="1" applyFill="1" applyAlignment="1" applyProtection="1">
      <alignment horizontal="right"/>
    </xf>
    <xf numFmtId="176" fontId="14" fillId="0" borderId="0" xfId="4" applyNumberFormat="1" applyFont="1" applyFill="1" applyAlignment="1" applyProtection="1">
      <alignment horizontal="centerContinuous" vertical="center"/>
    </xf>
    <xf numFmtId="0" fontId="14" fillId="0" borderId="0" xfId="4" applyFont="1" applyFill="1" applyProtection="1">
      <alignment vertical="center"/>
    </xf>
    <xf numFmtId="0" fontId="9" fillId="0" borderId="0" xfId="2" applyFont="1" applyFill="1" applyProtection="1"/>
    <xf numFmtId="0" fontId="17" fillId="0" borderId="23" xfId="2" applyFont="1" applyFill="1" applyBorder="1" applyAlignment="1" applyProtection="1">
      <alignment horizontal="left" vertical="top" wrapText="1" indent="1"/>
    </xf>
    <xf numFmtId="0" fontId="10" fillId="0" borderId="24" xfId="2" applyFont="1" applyFill="1" applyBorder="1" applyAlignment="1" applyProtection="1">
      <alignment horizontal="left" vertical="top" wrapText="1" indent="1"/>
    </xf>
    <xf numFmtId="49" fontId="17" fillId="0" borderId="24" xfId="2" applyNumberFormat="1" applyFont="1" applyFill="1" applyBorder="1" applyAlignment="1" applyProtection="1">
      <alignment horizontal="right" vertical="center" indent="1"/>
    </xf>
    <xf numFmtId="49" fontId="17" fillId="0" borderId="25" xfId="2" applyNumberFormat="1" applyFont="1" applyFill="1" applyBorder="1" applyAlignment="1" applyProtection="1">
      <alignment horizontal="right" vertical="center" indent="1"/>
    </xf>
    <xf numFmtId="49" fontId="9" fillId="0" borderId="7" xfId="2" applyNumberFormat="1" applyFont="1" applyFill="1" applyBorder="1" applyAlignment="1" applyProtection="1">
      <alignment horizontal="left" vertical="center" indent="1"/>
    </xf>
    <xf numFmtId="0" fontId="9" fillId="0" borderId="0" xfId="2" applyFont="1" applyFill="1" applyBorder="1" applyProtection="1"/>
    <xf numFmtId="0" fontId="9" fillId="0" borderId="0" xfId="2" applyFont="1" applyFill="1" applyBorder="1" applyAlignment="1" applyProtection="1">
      <alignment vertical="center"/>
    </xf>
    <xf numFmtId="0" fontId="9" fillId="0" borderId="20" xfId="2" applyFont="1" applyFill="1" applyBorder="1" applyAlignment="1" applyProtection="1">
      <alignment vertical="center"/>
    </xf>
    <xf numFmtId="49" fontId="9" fillId="0" borderId="7" xfId="2" applyNumberFormat="1" applyFont="1" applyFill="1" applyBorder="1" applyAlignment="1" applyProtection="1">
      <alignment horizontal="left" vertical="center" wrapText="1" indent="2"/>
    </xf>
    <xf numFmtId="0" fontId="9" fillId="0" borderId="0" xfId="2" applyFont="1" applyFill="1" applyBorder="1" applyAlignment="1" applyProtection="1">
      <alignment horizontal="center" vertical="top"/>
    </xf>
    <xf numFmtId="37" fontId="9" fillId="0" borderId="0" xfId="2" applyNumberFormat="1" applyFont="1" applyFill="1" applyBorder="1" applyAlignment="1" applyProtection="1">
      <alignment horizontal="right" vertical="center" indent="1"/>
    </xf>
    <xf numFmtId="181" fontId="9" fillId="0" borderId="0" xfId="2" applyNumberFormat="1" applyFont="1" applyFill="1" applyBorder="1" applyAlignment="1" applyProtection="1">
      <alignment horizontal="right" vertical="center" indent="1"/>
    </xf>
    <xf numFmtId="181" fontId="9" fillId="0" borderId="20" xfId="2" applyNumberFormat="1" applyFont="1" applyFill="1" applyBorder="1" applyAlignment="1" applyProtection="1">
      <alignment horizontal="right" vertical="center" indent="1"/>
    </xf>
    <xf numFmtId="181" fontId="9" fillId="0" borderId="11" xfId="2" applyNumberFormat="1" applyFont="1" applyFill="1" applyBorder="1" applyAlignment="1" applyProtection="1">
      <alignment horizontal="right" vertical="center" indent="1"/>
    </xf>
    <xf numFmtId="181" fontId="9" fillId="0" borderId="19" xfId="2" applyNumberFormat="1" applyFont="1" applyFill="1" applyBorder="1" applyAlignment="1" applyProtection="1">
      <alignment horizontal="right" vertical="center" indent="1"/>
    </xf>
    <xf numFmtId="181" fontId="9" fillId="0" borderId="6" xfId="2" applyNumberFormat="1" applyFont="1" applyFill="1" applyBorder="1" applyAlignment="1" applyProtection="1">
      <alignment horizontal="right" vertical="center" indent="1"/>
    </xf>
    <xf numFmtId="181" fontId="9" fillId="0" borderId="27" xfId="2" applyNumberFormat="1" applyFont="1" applyFill="1" applyBorder="1" applyAlignment="1" applyProtection="1">
      <alignment horizontal="right" vertical="center" indent="1"/>
    </xf>
    <xf numFmtId="181" fontId="9" fillId="0" borderId="18" xfId="2" applyNumberFormat="1" applyFont="1" applyFill="1" applyBorder="1" applyAlignment="1" applyProtection="1">
      <alignment horizontal="right" vertical="center" indent="1"/>
    </xf>
    <xf numFmtId="49" fontId="9" fillId="0" borderId="10" xfId="2" applyNumberFormat="1" applyFont="1" applyFill="1" applyBorder="1" applyAlignment="1" applyProtection="1">
      <alignment horizontal="left" vertical="center" wrapText="1" indent="2"/>
    </xf>
    <xf numFmtId="49" fontId="16" fillId="0" borderId="0" xfId="2" applyNumberFormat="1" applyFont="1" applyFill="1" applyAlignment="1" applyProtection="1">
      <alignment horizontal="left" vertical="top"/>
    </xf>
    <xf numFmtId="49" fontId="9" fillId="0" borderId="0" xfId="2" applyNumberFormat="1" applyFont="1" applyFill="1" applyBorder="1" applyAlignment="1" applyProtection="1">
      <alignment horizontal="left" vertical="center" wrapText="1" indent="2"/>
    </xf>
    <xf numFmtId="181" fontId="19" fillId="0" borderId="0" xfId="2" applyNumberFormat="1" applyFont="1" applyFill="1" applyBorder="1" applyAlignment="1" applyProtection="1">
      <alignment horizontal="right" vertical="center" indent="1"/>
    </xf>
    <xf numFmtId="49" fontId="9" fillId="0" borderId="27" xfId="2" applyNumberFormat="1" applyFont="1" applyFill="1" applyBorder="1" applyAlignment="1" applyProtection="1">
      <alignment horizontal="left" vertical="center" wrapText="1" indent="2"/>
    </xf>
    <xf numFmtId="0" fontId="9" fillId="0" borderId="27" xfId="2" applyFont="1" applyFill="1" applyBorder="1" applyAlignment="1" applyProtection="1">
      <alignment horizontal="center" vertical="top"/>
    </xf>
    <xf numFmtId="0" fontId="14" fillId="0" borderId="0" xfId="2" applyFont="1" applyFill="1" applyBorder="1" applyAlignment="1" applyProtection="1">
      <alignment horizontal="left" vertical="center" wrapText="1"/>
    </xf>
    <xf numFmtId="0" fontId="9" fillId="0" borderId="0" xfId="2" applyFont="1" applyFill="1" applyAlignment="1" applyProtection="1"/>
    <xf numFmtId="0" fontId="14" fillId="0" borderId="0" xfId="2" applyFont="1" applyFill="1" applyAlignment="1" applyProtection="1">
      <alignment vertical="top"/>
    </xf>
    <xf numFmtId="0" fontId="17" fillId="0" borderId="23" xfId="6" applyFont="1" applyFill="1" applyBorder="1" applyAlignment="1">
      <alignment horizontal="left" vertical="top" wrapText="1" indent="1"/>
    </xf>
    <xf numFmtId="0" fontId="10" fillId="0" borderId="24" xfId="6" applyFont="1" applyFill="1" applyBorder="1" applyAlignment="1">
      <alignment horizontal="left" vertical="top" wrapText="1" indent="1"/>
    </xf>
    <xf numFmtId="49" fontId="17" fillId="0" borderId="24" xfId="6" applyNumberFormat="1" applyFont="1" applyFill="1" applyBorder="1" applyAlignment="1">
      <alignment horizontal="right" vertical="top" indent="1"/>
    </xf>
    <xf numFmtId="49" fontId="17" fillId="0" borderId="25" xfId="6" applyNumberFormat="1" applyFont="1" applyFill="1" applyBorder="1" applyAlignment="1">
      <alignment horizontal="right" vertical="top" indent="1"/>
    </xf>
    <xf numFmtId="49" fontId="9" fillId="0" borderId="7" xfId="6" applyNumberFormat="1" applyFont="1" applyFill="1" applyBorder="1" applyAlignment="1">
      <alignment horizontal="left" vertical="top" wrapText="1" indent="1"/>
    </xf>
    <xf numFmtId="0" fontId="9" fillId="0" borderId="0" xfId="6" applyFont="1" applyFill="1" applyBorder="1" applyAlignment="1">
      <alignment horizontal="center" vertical="top"/>
    </xf>
    <xf numFmtId="181" fontId="9" fillId="0" borderId="0" xfId="6" applyNumberFormat="1" applyFont="1" applyFill="1" applyBorder="1" applyAlignment="1">
      <alignment horizontal="right" vertical="top" indent="1"/>
    </xf>
    <xf numFmtId="183" fontId="9" fillId="0" borderId="0" xfId="6" applyNumberFormat="1" applyFont="1" applyFill="1" applyBorder="1" applyAlignment="1">
      <alignment horizontal="right" vertical="top" indent="1"/>
    </xf>
    <xf numFmtId="49" fontId="9" fillId="0" borderId="10" xfId="6" applyNumberFormat="1" applyFont="1" applyFill="1" applyBorder="1" applyAlignment="1">
      <alignment horizontal="left" vertical="top" wrapText="1" indent="1"/>
    </xf>
    <xf numFmtId="0" fontId="9" fillId="0" borderId="32" xfId="6" applyFont="1" applyFill="1" applyBorder="1" applyAlignment="1">
      <alignment horizontal="center" vertical="top"/>
    </xf>
    <xf numFmtId="183" fontId="9" fillId="0" borderId="32" xfId="6" applyNumberFormat="1" applyFont="1" applyFill="1" applyBorder="1" applyAlignment="1">
      <alignment horizontal="right" vertical="top" indent="1"/>
    </xf>
    <xf numFmtId="183" fontId="9" fillId="0" borderId="17" xfId="6" applyNumberFormat="1" applyFont="1" applyFill="1" applyBorder="1" applyAlignment="1">
      <alignment horizontal="right" vertical="top" indent="1"/>
    </xf>
    <xf numFmtId="37" fontId="9" fillId="0" borderId="16" xfId="6" applyNumberFormat="1" applyFont="1" applyFill="1" applyBorder="1" applyAlignment="1">
      <alignment horizontal="right" vertical="top" indent="1"/>
    </xf>
    <xf numFmtId="37" fontId="9" fillId="0" borderId="20" xfId="6" applyNumberFormat="1" applyFont="1" applyFill="1" applyBorder="1" applyAlignment="1">
      <alignment horizontal="right" vertical="top" indent="1"/>
    </xf>
    <xf numFmtId="182" fontId="9" fillId="0" borderId="0" xfId="6" applyNumberFormat="1" applyFont="1" applyFill="1" applyBorder="1" applyAlignment="1">
      <alignment horizontal="right" vertical="top" indent="1"/>
    </xf>
    <xf numFmtId="182" fontId="9" fillId="0" borderId="32" xfId="6" applyNumberFormat="1" applyFont="1" applyFill="1" applyBorder="1" applyAlignment="1">
      <alignment horizontal="right" vertical="top" indent="1"/>
    </xf>
    <xf numFmtId="182" fontId="9" fillId="0" borderId="17" xfId="6" applyNumberFormat="1" applyFont="1" applyFill="1" applyBorder="1" applyAlignment="1">
      <alignment horizontal="right" vertical="top" indent="1"/>
    </xf>
    <xf numFmtId="185" fontId="9" fillId="0" borderId="20" xfId="6" applyNumberFormat="1" applyFont="1" applyFill="1" applyBorder="1" applyAlignment="1">
      <alignment horizontal="right" vertical="top" indent="1"/>
    </xf>
    <xf numFmtId="181" fontId="9" fillId="0" borderId="32" xfId="6" applyNumberFormat="1" applyFont="1" applyFill="1" applyBorder="1" applyAlignment="1">
      <alignment horizontal="right" vertical="top" indent="1"/>
    </xf>
    <xf numFmtId="185" fontId="9" fillId="0" borderId="17" xfId="6" applyNumberFormat="1" applyFont="1" applyFill="1" applyBorder="1" applyAlignment="1">
      <alignment horizontal="right" vertical="top" indent="1"/>
    </xf>
    <xf numFmtId="37" fontId="9" fillId="0" borderId="32" xfId="6" applyNumberFormat="1" applyFont="1" applyFill="1" applyBorder="1" applyAlignment="1">
      <alignment horizontal="right" vertical="top" indent="1"/>
    </xf>
    <xf numFmtId="37" fontId="9" fillId="0" borderId="17" xfId="6" applyNumberFormat="1" applyFont="1" applyFill="1" applyBorder="1" applyAlignment="1">
      <alignment horizontal="right" vertical="top" indent="1"/>
    </xf>
    <xf numFmtId="39" fontId="9" fillId="0" borderId="0" xfId="6" applyNumberFormat="1" applyFont="1" applyFill="1" applyBorder="1" applyAlignment="1">
      <alignment horizontal="right" vertical="top" indent="1"/>
    </xf>
    <xf numFmtId="39" fontId="9" fillId="0" borderId="20" xfId="6" applyNumberFormat="1" applyFont="1" applyFill="1" applyBorder="1" applyAlignment="1">
      <alignment horizontal="right" vertical="top" indent="1"/>
    </xf>
    <xf numFmtId="184" fontId="9" fillId="0" borderId="0" xfId="6" applyNumberFormat="1" applyFont="1" applyFill="1" applyBorder="1" applyAlignment="1">
      <alignment horizontal="right" vertical="top" indent="1"/>
    </xf>
    <xf numFmtId="0" fontId="17" fillId="0" borderId="7" xfId="6" applyFont="1" applyFill="1" applyBorder="1" applyAlignment="1">
      <alignment horizontal="left" vertical="top" wrapText="1" indent="1"/>
    </xf>
    <xf numFmtId="0" fontId="17" fillId="0" borderId="33" xfId="6" applyFont="1" applyFill="1" applyBorder="1" applyAlignment="1">
      <alignment horizontal="left" vertical="top" wrapText="1" indent="1"/>
    </xf>
    <xf numFmtId="0" fontId="9" fillId="0" borderId="31" xfId="6" applyFont="1" applyFill="1" applyBorder="1" applyAlignment="1">
      <alignment horizontal="center" vertical="top"/>
    </xf>
    <xf numFmtId="37" fontId="9" fillId="0" borderId="34" xfId="6" applyNumberFormat="1" applyFont="1" applyFill="1" applyBorder="1" applyAlignment="1">
      <alignment horizontal="right" vertical="top" indent="1"/>
    </xf>
    <xf numFmtId="185" fontId="9" fillId="0" borderId="35" xfId="6" applyNumberFormat="1" applyFont="1" applyFill="1" applyBorder="1" applyAlignment="1">
      <alignment horizontal="right" vertical="top" indent="1"/>
    </xf>
    <xf numFmtId="185" fontId="9" fillId="0" borderId="16" xfId="6" applyNumberFormat="1" applyFont="1" applyFill="1" applyBorder="1" applyAlignment="1">
      <alignment horizontal="right" vertical="top" indent="1"/>
    </xf>
    <xf numFmtId="49" fontId="17" fillId="0" borderId="20" xfId="6" applyNumberFormat="1" applyFont="1" applyFill="1" applyBorder="1" applyAlignment="1">
      <alignment horizontal="right" vertical="top" indent="1"/>
    </xf>
    <xf numFmtId="49" fontId="9" fillId="0" borderId="33" xfId="6" applyNumberFormat="1" applyFont="1" applyFill="1" applyBorder="1" applyAlignment="1">
      <alignment horizontal="left" vertical="top" wrapText="1" indent="1"/>
    </xf>
    <xf numFmtId="37" fontId="9" fillId="0" borderId="35" xfId="6" applyNumberFormat="1" applyFont="1" applyFill="1" applyBorder="1" applyAlignment="1">
      <alignment horizontal="right" vertical="top" indent="1"/>
    </xf>
    <xf numFmtId="49" fontId="9" fillId="0" borderId="7" xfId="6" applyNumberFormat="1" applyFont="1" applyFill="1" applyBorder="1" applyAlignment="1">
      <alignment horizontal="left" vertical="top" wrapText="1" indent="2"/>
    </xf>
    <xf numFmtId="49" fontId="9" fillId="0" borderId="10" xfId="6" applyNumberFormat="1" applyFont="1" applyFill="1" applyBorder="1" applyAlignment="1">
      <alignment horizontal="left" vertical="top" wrapText="1" indent="2"/>
    </xf>
    <xf numFmtId="37" fontId="9" fillId="0" borderId="21" xfId="6" applyNumberFormat="1" applyFont="1" applyFill="1" applyBorder="1" applyAlignment="1">
      <alignment horizontal="right" vertical="top" indent="1"/>
    </xf>
    <xf numFmtId="49" fontId="9" fillId="0" borderId="5" xfId="6" applyNumberFormat="1" applyFont="1" applyFill="1" applyBorder="1" applyAlignment="1">
      <alignment horizontal="left" vertical="top" wrapText="1" indent="1"/>
    </xf>
    <xf numFmtId="37" fontId="9" fillId="0" borderId="36" xfId="6" applyNumberFormat="1" applyFont="1" applyFill="1" applyBorder="1" applyAlignment="1">
      <alignment horizontal="right" vertical="top" indent="1"/>
    </xf>
    <xf numFmtId="0" fontId="9" fillId="0" borderId="32" xfId="2" applyFont="1" applyFill="1" applyBorder="1" applyAlignment="1" applyProtection="1">
      <alignment horizontal="center" vertical="top"/>
    </xf>
    <xf numFmtId="0" fontId="14" fillId="0" borderId="0" xfId="6" applyFont="1" applyFill="1" applyAlignment="1">
      <alignment horizontal="left" vertical="top" wrapText="1"/>
    </xf>
    <xf numFmtId="0" fontId="9" fillId="0" borderId="0" xfId="6" applyFont="1" applyFill="1" applyProtection="1"/>
    <xf numFmtId="49" fontId="9" fillId="0" borderId="7" xfId="6" applyNumberFormat="1" applyFont="1" applyFill="1" applyBorder="1" applyAlignment="1" applyProtection="1">
      <alignment horizontal="left" vertical="center" wrapText="1" indent="2"/>
    </xf>
    <xf numFmtId="0" fontId="9" fillId="0" borderId="0" xfId="6" applyFont="1" applyFill="1" applyBorder="1" applyAlignment="1" applyProtection="1">
      <alignment horizontal="center" vertical="top"/>
    </xf>
    <xf numFmtId="37" fontId="9" fillId="0" borderId="0" xfId="6" applyNumberFormat="1" applyFont="1" applyFill="1" applyBorder="1" applyAlignment="1" applyProtection="1">
      <alignment horizontal="right" vertical="center" indent="1"/>
    </xf>
    <xf numFmtId="181" fontId="9" fillId="0" borderId="0" xfId="6" applyNumberFormat="1" applyFont="1" applyFill="1" applyBorder="1" applyAlignment="1" applyProtection="1">
      <alignment horizontal="right" vertical="center" indent="1"/>
    </xf>
    <xf numFmtId="181" fontId="9" fillId="0" borderId="20" xfId="6" applyNumberFormat="1" applyFont="1" applyFill="1" applyBorder="1" applyAlignment="1" applyProtection="1">
      <alignment horizontal="right" vertical="center" indent="1"/>
    </xf>
    <xf numFmtId="49" fontId="9" fillId="0" borderId="7" xfId="6" applyNumberFormat="1" applyFont="1" applyFill="1" applyBorder="1" applyAlignment="1">
      <alignment horizontal="left" vertical="center" wrapText="1" indent="1"/>
    </xf>
    <xf numFmtId="49" fontId="9" fillId="0" borderId="0" xfId="6" applyNumberFormat="1" applyFont="1" applyFill="1" applyAlignment="1">
      <alignment horizontal="left" vertical="top" wrapText="1" indent="1"/>
    </xf>
    <xf numFmtId="0" fontId="9" fillId="0" borderId="0" xfId="6" applyFont="1" applyFill="1" applyAlignment="1">
      <alignment horizontal="center" vertical="top"/>
    </xf>
    <xf numFmtId="181" fontId="9" fillId="0" borderId="0" xfId="6" applyNumberFormat="1" applyFont="1" applyFill="1" applyAlignment="1">
      <alignment horizontal="right" vertical="top" indent="1"/>
    </xf>
    <xf numFmtId="181" fontId="9" fillId="0" borderId="32" xfId="3" applyNumberFormat="1" applyFont="1" applyFill="1" applyBorder="1" applyAlignment="1" applyProtection="1">
      <alignment horizontal="right" vertical="center" indent="1"/>
    </xf>
    <xf numFmtId="181" fontId="9" fillId="0" borderId="37" xfId="6" applyNumberFormat="1" applyFont="1" applyFill="1" applyBorder="1" applyAlignment="1">
      <alignment horizontal="right" vertical="top" indent="1"/>
    </xf>
    <xf numFmtId="0" fontId="9" fillId="0" borderId="7" xfId="6" applyFont="1" applyFill="1" applyBorder="1"/>
    <xf numFmtId="0" fontId="14" fillId="0" borderId="0" xfId="2" applyFont="1" applyFill="1" applyBorder="1" applyAlignment="1" applyProtection="1">
      <alignment horizontal="left" vertical="top" wrapText="1"/>
    </xf>
    <xf numFmtId="0" fontId="15" fillId="0" borderId="0" xfId="4" applyFont="1" applyFill="1" applyBorder="1" applyAlignment="1" applyProtection="1">
      <alignment horizontal="left" vertical="center"/>
    </xf>
    <xf numFmtId="0" fontId="13" fillId="0" borderId="0" xfId="4" applyFont="1" applyFill="1" applyBorder="1" applyAlignment="1" applyProtection="1">
      <alignment horizontal="centerContinuous"/>
    </xf>
    <xf numFmtId="0" fontId="14" fillId="0" borderId="0" xfId="4" applyFont="1" applyFill="1" applyBorder="1" applyAlignment="1" applyProtection="1">
      <alignment horizontal="centerContinuous" vertical="center"/>
    </xf>
    <xf numFmtId="0" fontId="12" fillId="0" borderId="0" xfId="4" applyFont="1" applyFill="1" applyBorder="1" applyAlignment="1" applyProtection="1">
      <alignment horizontal="left" vertical="center"/>
    </xf>
    <xf numFmtId="0" fontId="9" fillId="0" borderId="0" xfId="2" applyFont="1" applyFill="1" applyBorder="1" applyAlignment="1" applyProtection="1">
      <alignment horizontal="right"/>
    </xf>
    <xf numFmtId="0" fontId="17" fillId="0" borderId="0" xfId="2" applyFont="1" applyFill="1" applyBorder="1" applyAlignment="1" applyProtection="1">
      <alignment horizontal="left" vertical="top" wrapText="1" indent="1"/>
    </xf>
    <xf numFmtId="0" fontId="10" fillId="0" borderId="0" xfId="2" applyFont="1" applyFill="1" applyBorder="1" applyAlignment="1" applyProtection="1">
      <alignment horizontal="left" vertical="top" wrapText="1" indent="1"/>
    </xf>
    <xf numFmtId="49" fontId="17" fillId="0" borderId="0" xfId="2" applyNumberFormat="1" applyFont="1" applyFill="1" applyBorder="1" applyAlignment="1" applyProtection="1">
      <alignment horizontal="right" vertical="center" indent="1"/>
    </xf>
    <xf numFmtId="49" fontId="9" fillId="0" borderId="0" xfId="2" applyNumberFormat="1" applyFont="1" applyFill="1" applyBorder="1" applyAlignment="1" applyProtection="1">
      <alignment horizontal="left" vertical="center" indent="1"/>
    </xf>
    <xf numFmtId="49" fontId="9" fillId="0" borderId="0" xfId="6" applyNumberFormat="1" applyFont="1" applyFill="1" applyBorder="1" applyAlignment="1" applyProtection="1">
      <alignment horizontal="left" vertical="center" wrapText="1" indent="2"/>
    </xf>
    <xf numFmtId="49" fontId="16" fillId="0" borderId="0" xfId="2" applyNumberFormat="1" applyFont="1" applyFill="1" applyBorder="1" applyAlignment="1" applyProtection="1">
      <alignment horizontal="left" vertical="top"/>
    </xf>
    <xf numFmtId="183" fontId="9" fillId="0" borderId="37" xfId="6" applyNumberFormat="1" applyFont="1" applyFill="1" applyBorder="1" applyAlignment="1">
      <alignment horizontal="right" vertical="top" indent="1"/>
    </xf>
    <xf numFmtId="37" fontId="9" fillId="0" borderId="4" xfId="6" applyNumberFormat="1" applyFont="1" applyFill="1" applyBorder="1" applyAlignment="1">
      <alignment horizontal="right" vertical="top" indent="1"/>
    </xf>
    <xf numFmtId="37" fontId="9" fillId="0" borderId="37" xfId="6" applyNumberFormat="1" applyFont="1" applyFill="1" applyBorder="1" applyAlignment="1">
      <alignment horizontal="right" vertical="top" indent="1"/>
    </xf>
    <xf numFmtId="184" fontId="9" fillId="0" borderId="37" xfId="6" applyNumberFormat="1" applyFont="1" applyFill="1" applyBorder="1" applyAlignment="1">
      <alignment horizontal="right" vertical="top" indent="1"/>
    </xf>
    <xf numFmtId="182" fontId="9" fillId="0" borderId="37" xfId="6" applyNumberFormat="1" applyFont="1" applyFill="1" applyBorder="1" applyAlignment="1">
      <alignment horizontal="right" vertical="top" indent="1"/>
    </xf>
    <xf numFmtId="181" fontId="9" fillId="0" borderId="37" xfId="3" applyNumberFormat="1" applyFont="1" applyFill="1" applyBorder="1" applyAlignment="1" applyProtection="1">
      <alignment horizontal="right" vertical="center" indent="1"/>
    </xf>
    <xf numFmtId="181" fontId="9" fillId="0" borderId="32" xfId="4" applyNumberFormat="1" applyFont="1" applyFill="1" applyBorder="1" applyAlignment="1" applyProtection="1">
      <alignment horizontal="right" vertical="center" indent="1"/>
    </xf>
    <xf numFmtId="181" fontId="9" fillId="0" borderId="31" xfId="4" applyNumberFormat="1" applyFont="1" applyFill="1" applyBorder="1" applyAlignment="1" applyProtection="1">
      <alignment horizontal="right" vertical="center" indent="1"/>
    </xf>
    <xf numFmtId="49" fontId="17" fillId="0" borderId="38" xfId="6" applyNumberFormat="1" applyFont="1" applyFill="1" applyBorder="1" applyAlignment="1">
      <alignment horizontal="right" vertical="top" indent="1"/>
    </xf>
    <xf numFmtId="49" fontId="9" fillId="0" borderId="0" xfId="6" applyNumberFormat="1" applyFont="1" applyFill="1" applyBorder="1" applyAlignment="1">
      <alignment horizontal="left" vertical="top" wrapText="1" indent="1"/>
    </xf>
    <xf numFmtId="49" fontId="9" fillId="0" borderId="0" xfId="6" applyNumberFormat="1" applyFont="1" applyFill="1" applyBorder="1" applyAlignment="1">
      <alignment horizontal="left" vertical="top" wrapText="1" indent="2"/>
    </xf>
    <xf numFmtId="37" fontId="9" fillId="0" borderId="27" xfId="6" applyNumberFormat="1" applyFont="1" applyFill="1" applyBorder="1" applyAlignment="1">
      <alignment horizontal="right" vertical="top" indent="1"/>
    </xf>
    <xf numFmtId="49" fontId="17" fillId="0" borderId="39" xfId="2" applyNumberFormat="1" applyFont="1" applyFill="1" applyBorder="1" applyAlignment="1">
      <alignment horizontal="right" vertical="center" indent="1"/>
    </xf>
    <xf numFmtId="0" fontId="9" fillId="0" borderId="7" xfId="2" applyFont="1" applyFill="1" applyBorder="1"/>
    <xf numFmtId="181" fontId="21" fillId="0" borderId="0" xfId="4" applyNumberFormat="1" applyFont="1" applyFill="1" applyBorder="1" applyAlignment="1" applyProtection="1">
      <alignment horizontal="right" vertical="center" indent="1"/>
    </xf>
    <xf numFmtId="177" fontId="9" fillId="0" borderId="0" xfId="5" applyNumberFormat="1" applyFont="1" applyFill="1" applyBorder="1" applyAlignment="1" applyProtection="1">
      <alignment horizontal="right" vertical="center" indent="1"/>
    </xf>
    <xf numFmtId="177" fontId="9" fillId="0" borderId="1" xfId="5" applyNumberFormat="1" applyFont="1" applyFill="1" applyBorder="1" applyAlignment="1" applyProtection="1">
      <alignment horizontal="right" vertical="center" indent="1"/>
    </xf>
    <xf numFmtId="37" fontId="9" fillId="0" borderId="0" xfId="7" applyNumberFormat="1" applyFont="1" applyFill="1" applyBorder="1" applyAlignment="1">
      <alignment horizontal="right" vertical="top" indent="1"/>
    </xf>
    <xf numFmtId="37" fontId="9" fillId="0" borderId="22" xfId="7" applyNumberFormat="1" applyFont="1" applyFill="1" applyBorder="1" applyAlignment="1">
      <alignment horizontal="right" vertical="top" indent="1"/>
    </xf>
    <xf numFmtId="49" fontId="9" fillId="0" borderId="40" xfId="6" applyNumberFormat="1" applyFont="1" applyFill="1" applyBorder="1" applyAlignment="1">
      <alignment horizontal="left" vertical="top" wrapText="1" indent="2"/>
    </xf>
    <xf numFmtId="181" fontId="9" fillId="0" borderId="41" xfId="5" applyNumberFormat="1" applyFont="1" applyFill="1" applyBorder="1" applyAlignment="1" applyProtection="1">
      <alignment horizontal="right" vertical="center" indent="1"/>
    </xf>
    <xf numFmtId="0" fontId="3" fillId="0" borderId="0" xfId="0" applyFont="1" applyBorder="1" applyAlignment="1">
      <alignment horizontal="left" vertical="center"/>
    </xf>
    <xf numFmtId="0" fontId="6" fillId="0" borderId="7" xfId="0" applyFont="1" applyBorder="1" applyAlignment="1">
      <alignment horizontal="center" vertical="center"/>
    </xf>
    <xf numFmtId="0" fontId="6" fillId="0" borderId="0" xfId="0" applyFont="1" applyBorder="1" applyAlignment="1">
      <alignment horizontal="center" vertical="center"/>
    </xf>
    <xf numFmtId="0" fontId="6" fillId="0" borderId="20" xfId="0" applyFont="1" applyBorder="1" applyAlignment="1">
      <alignment horizontal="center" vertical="center"/>
    </xf>
    <xf numFmtId="0" fontId="5" fillId="0" borderId="0" xfId="0" applyFont="1" applyAlignment="1">
      <alignment horizontal="center" vertical="center"/>
    </xf>
    <xf numFmtId="0" fontId="3" fillId="0" borderId="8" xfId="0" applyFont="1" applyBorder="1" applyAlignment="1">
      <alignment horizontal="center" vertical="center"/>
    </xf>
    <xf numFmtId="0" fontId="4" fillId="0" borderId="0" xfId="0" applyFont="1" applyFill="1" applyAlignment="1">
      <alignment horizontal="center"/>
    </xf>
    <xf numFmtId="0" fontId="3" fillId="0" borderId="0" xfId="0" applyFont="1" applyFill="1" applyAlignment="1">
      <alignment horizontal="center" vertical="center"/>
    </xf>
    <xf numFmtId="0" fontId="14" fillId="0" borderId="0" xfId="6" applyFont="1" applyFill="1" applyAlignment="1">
      <alignment horizontal="left" vertical="top" wrapText="1"/>
    </xf>
    <xf numFmtId="0" fontId="14" fillId="0" borderId="0" xfId="2" applyFont="1" applyFill="1" applyBorder="1" applyAlignment="1" applyProtection="1">
      <alignment horizontal="left" vertical="top" wrapText="1"/>
    </xf>
    <xf numFmtId="0" fontId="12" fillId="0" borderId="0" xfId="4" applyFont="1" applyFill="1" applyAlignment="1">
      <alignment horizontal="left" vertical="center"/>
    </xf>
  </cellXfs>
  <cellStyles count="8">
    <cellStyle name="桁区切り" xfId="7" builtinId="6"/>
    <cellStyle name="標準" xfId="0" builtinId="0"/>
    <cellStyle name="標準 2" xfId="1"/>
    <cellStyle name="標準 3" xfId="2"/>
    <cellStyle name="標準 3 2" xfId="6"/>
    <cellStyle name="標準_損益計算書" xfId="3"/>
    <cellStyle name="標準_貸借対照表（１）" xfId="4"/>
    <cellStyle name="標準_貸借対照表（２）" xf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5</xdr:col>
      <xdr:colOff>352425</xdr:colOff>
      <xdr:row>25</xdr:row>
      <xdr:rowOff>47625</xdr:rowOff>
    </xdr:from>
    <xdr:to>
      <xdr:col>8</xdr:col>
      <xdr:colOff>571500</xdr:colOff>
      <xdr:row>26</xdr:row>
      <xdr:rowOff>200025</xdr:rowOff>
    </xdr:to>
    <xdr:pic>
      <xdr:nvPicPr>
        <xdr:cNvPr id="108092" name="Picture 4" descr="sharp_j"/>
        <xdr:cNvPicPr>
          <a:picLocks noChangeAspect="1" noChangeArrowheads="1"/>
        </xdr:cNvPicPr>
      </xdr:nvPicPr>
      <xdr:blipFill>
        <a:blip xmlns:r="http://schemas.openxmlformats.org/officeDocument/2006/relationships" r:embed="rId1" cstate="print"/>
        <a:srcRect b="11542"/>
        <a:stretch>
          <a:fillRect/>
        </a:stretch>
      </xdr:blipFill>
      <xdr:spPr bwMode="auto">
        <a:xfrm>
          <a:off x="3924300" y="6105525"/>
          <a:ext cx="2362200" cy="438150"/>
        </a:xfrm>
        <a:prstGeom prst="rect">
          <a:avLst/>
        </a:prstGeom>
        <a:noFill/>
        <a:ln w="9525">
          <a:noFill/>
          <a:miter lim="800000"/>
          <a:headEnd/>
          <a:tailEnd/>
        </a:ln>
      </xdr:spPr>
    </xdr:pic>
    <xdr:clientData/>
  </xdr:twoCellAnchor>
  <xdr:twoCellAnchor editAs="oneCell">
    <xdr:from>
      <xdr:col>0</xdr:col>
      <xdr:colOff>23531</xdr:colOff>
      <xdr:row>0</xdr:row>
      <xdr:rowOff>24654</xdr:rowOff>
    </xdr:from>
    <xdr:to>
      <xdr:col>2</xdr:col>
      <xdr:colOff>608778</xdr:colOff>
      <xdr:row>2</xdr:row>
      <xdr:rowOff>10228</xdr:rowOff>
    </xdr:to>
    <xdr:pic>
      <xdr:nvPicPr>
        <xdr:cNvPr id="108093" name="Picture 5"/>
        <xdr:cNvPicPr>
          <a:picLocks noChangeAspect="1" noChangeArrowheads="1"/>
        </xdr:cNvPicPr>
      </xdr:nvPicPr>
      <xdr:blipFill>
        <a:blip xmlns:r="http://schemas.openxmlformats.org/officeDocument/2006/relationships" r:embed="rId2" cstate="print"/>
        <a:srcRect/>
        <a:stretch>
          <a:fillRect/>
        </a:stretch>
      </xdr:blipFill>
      <xdr:spPr bwMode="auto">
        <a:xfrm>
          <a:off x="23531" y="24654"/>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C40"/>
  <sheetViews>
    <sheetView tabSelected="1" zoomScale="85" zoomScaleNormal="85" zoomScaleSheetLayoutView="70" workbookViewId="0">
      <selection activeCell="C19" sqref="C19"/>
    </sheetView>
  </sheetViews>
  <sheetFormatPr defaultRowHeight="13.5" x14ac:dyDescent="0.15"/>
  <cols>
    <col min="1" max="14" width="9.375" style="53" customWidth="1"/>
    <col min="15" max="16384" width="9" style="53"/>
  </cols>
  <sheetData>
    <row r="2" spans="1:14" x14ac:dyDescent="0.15">
      <c r="G2" s="54"/>
    </row>
    <row r="7" spans="1:14" ht="51" customHeight="1" x14ac:dyDescent="0.15">
      <c r="A7" s="55"/>
      <c r="B7" s="55"/>
      <c r="C7" s="55"/>
      <c r="D7" s="55"/>
      <c r="E7" s="252" t="s">
        <v>119</v>
      </c>
      <c r="F7" s="252"/>
      <c r="G7" s="252"/>
      <c r="H7" s="252"/>
      <c r="I7" s="252"/>
      <c r="J7" s="252"/>
      <c r="K7" s="55"/>
      <c r="L7" s="55"/>
      <c r="M7" s="55"/>
      <c r="N7" s="55"/>
    </row>
    <row r="8" spans="1:14" ht="22.5" customHeight="1" x14ac:dyDescent="0.2">
      <c r="A8" s="56"/>
      <c r="B8" s="55"/>
      <c r="C8" s="55"/>
      <c r="D8" s="55"/>
      <c r="E8" s="254" t="s">
        <v>203</v>
      </c>
      <c r="F8" s="254"/>
      <c r="G8" s="254"/>
      <c r="H8" s="254"/>
      <c r="I8" s="254"/>
      <c r="J8" s="254"/>
      <c r="K8" s="55"/>
      <c r="L8" s="55"/>
      <c r="M8" s="55"/>
      <c r="N8" s="55"/>
    </row>
    <row r="9" spans="1:14" ht="22.5" customHeight="1" x14ac:dyDescent="0.15">
      <c r="A9" s="55"/>
      <c r="B9" s="55"/>
      <c r="C9" s="55"/>
      <c r="D9" s="55"/>
      <c r="E9" s="255" t="s">
        <v>216</v>
      </c>
      <c r="F9" s="255"/>
      <c r="G9" s="255"/>
      <c r="H9" s="255"/>
      <c r="I9" s="255"/>
      <c r="J9" s="255"/>
      <c r="K9" s="55"/>
      <c r="L9" s="55"/>
      <c r="M9" s="55"/>
      <c r="N9" s="55"/>
    </row>
    <row r="10" spans="1:14" ht="22.5" customHeight="1" x14ac:dyDescent="0.15"/>
    <row r="11" spans="1:14" ht="22.5" customHeight="1" x14ac:dyDescent="0.15">
      <c r="A11" s="57"/>
      <c r="B11" s="57"/>
      <c r="C11" s="57"/>
      <c r="D11" s="57"/>
      <c r="E11" s="253" t="s">
        <v>120</v>
      </c>
      <c r="F11" s="253"/>
      <c r="G11" s="253"/>
      <c r="H11" s="253"/>
      <c r="I11" s="253"/>
      <c r="J11" s="253"/>
      <c r="K11" s="57"/>
      <c r="L11" s="57"/>
      <c r="M11" s="57"/>
      <c r="N11" s="57"/>
    </row>
    <row r="12" spans="1:14" ht="22.5" customHeight="1" x14ac:dyDescent="0.15">
      <c r="A12" s="57"/>
      <c r="B12" s="57"/>
      <c r="C12" s="57"/>
      <c r="D12" s="57"/>
      <c r="E12" s="58"/>
      <c r="F12" s="59"/>
      <c r="G12" s="59"/>
      <c r="H12" s="59"/>
      <c r="I12" s="59"/>
      <c r="J12" s="60"/>
      <c r="K12" s="57"/>
      <c r="L12" s="57"/>
      <c r="M12" s="57"/>
      <c r="N12" s="57"/>
    </row>
    <row r="13" spans="1:14" ht="22.5" customHeight="1" x14ac:dyDescent="0.15">
      <c r="A13" s="61"/>
      <c r="B13" s="61"/>
      <c r="C13" s="57"/>
      <c r="D13" s="61"/>
      <c r="E13" s="249" t="s">
        <v>124</v>
      </c>
      <c r="F13" s="250"/>
      <c r="G13" s="250"/>
      <c r="H13" s="250"/>
      <c r="I13" s="250"/>
      <c r="J13" s="251"/>
      <c r="K13" s="61"/>
      <c r="L13" s="61"/>
      <c r="M13" s="61"/>
      <c r="N13" s="61"/>
    </row>
    <row r="14" spans="1:14" ht="7.5" customHeight="1" x14ac:dyDescent="0.15">
      <c r="A14" s="61"/>
      <c r="B14" s="61"/>
      <c r="C14" s="57"/>
      <c r="D14" s="61"/>
      <c r="E14" s="58"/>
      <c r="F14" s="59"/>
      <c r="G14" s="59"/>
      <c r="H14" s="59"/>
      <c r="I14" s="59"/>
      <c r="J14" s="60"/>
      <c r="K14" s="61"/>
      <c r="L14" s="61"/>
      <c r="M14" s="61"/>
      <c r="N14" s="61"/>
    </row>
    <row r="15" spans="1:14" ht="22.5" customHeight="1" x14ac:dyDescent="0.15">
      <c r="A15" s="57"/>
      <c r="B15" s="57"/>
      <c r="C15" s="57"/>
      <c r="D15" s="57"/>
      <c r="E15" s="249" t="s">
        <v>132</v>
      </c>
      <c r="F15" s="250"/>
      <c r="G15" s="250"/>
      <c r="H15" s="250"/>
      <c r="I15" s="250"/>
      <c r="J15" s="251"/>
      <c r="K15" s="57"/>
      <c r="L15" s="57"/>
      <c r="M15" s="57"/>
      <c r="N15" s="57"/>
    </row>
    <row r="16" spans="1:14" ht="7.5" customHeight="1" x14ac:dyDescent="0.15">
      <c r="A16" s="57"/>
      <c r="B16" s="57"/>
      <c r="C16" s="57"/>
      <c r="D16" s="57"/>
      <c r="E16" s="58"/>
      <c r="F16" s="59"/>
      <c r="G16" s="59"/>
      <c r="H16" s="59"/>
      <c r="I16" s="59"/>
      <c r="J16" s="60"/>
      <c r="K16" s="57"/>
      <c r="L16" s="57"/>
      <c r="M16" s="57"/>
      <c r="N16" s="57"/>
    </row>
    <row r="17" spans="1:18" ht="22.5" customHeight="1" x14ac:dyDescent="0.15">
      <c r="A17" s="57"/>
      <c r="B17" s="57"/>
      <c r="C17" s="57"/>
      <c r="D17" s="57"/>
      <c r="E17" s="249" t="s">
        <v>51</v>
      </c>
      <c r="F17" s="250"/>
      <c r="G17" s="250"/>
      <c r="H17" s="250"/>
      <c r="I17" s="250"/>
      <c r="J17" s="251"/>
      <c r="K17" s="57"/>
      <c r="L17" s="57"/>
      <c r="M17" s="57"/>
      <c r="N17" s="57"/>
    </row>
    <row r="18" spans="1:18" ht="7.5" customHeight="1" x14ac:dyDescent="0.15">
      <c r="A18" s="57"/>
      <c r="B18" s="57"/>
      <c r="C18" s="57"/>
      <c r="D18" s="57"/>
      <c r="E18" s="58"/>
      <c r="F18" s="59"/>
      <c r="G18" s="59"/>
      <c r="H18" s="59"/>
      <c r="I18" s="59"/>
      <c r="J18" s="60"/>
      <c r="K18" s="57"/>
      <c r="L18" s="57"/>
      <c r="M18" s="57"/>
      <c r="N18" s="57"/>
    </row>
    <row r="19" spans="1:18" ht="22.5" customHeight="1" x14ac:dyDescent="0.15">
      <c r="A19" s="57"/>
      <c r="B19" s="57"/>
      <c r="C19" s="57"/>
      <c r="D19" s="57"/>
      <c r="E19" s="249" t="s">
        <v>113</v>
      </c>
      <c r="F19" s="250"/>
      <c r="G19" s="250"/>
      <c r="H19" s="250"/>
      <c r="I19" s="250"/>
      <c r="J19" s="251"/>
      <c r="K19" s="57"/>
      <c r="L19" s="57"/>
      <c r="M19" s="57"/>
      <c r="N19" s="57"/>
    </row>
    <row r="20" spans="1:18" ht="7.5" customHeight="1" x14ac:dyDescent="0.15">
      <c r="A20" s="57"/>
      <c r="B20" s="57"/>
      <c r="C20" s="57"/>
      <c r="D20" s="57"/>
      <c r="E20" s="58"/>
      <c r="F20" s="59"/>
      <c r="G20" s="59"/>
      <c r="H20" s="59"/>
      <c r="I20" s="59"/>
      <c r="J20" s="60"/>
      <c r="K20" s="57"/>
      <c r="L20" s="57"/>
      <c r="M20" s="57"/>
      <c r="N20" s="57"/>
    </row>
    <row r="21" spans="1:18" ht="22.5" customHeight="1" x14ac:dyDescent="0.15">
      <c r="A21" s="57"/>
      <c r="B21" s="57"/>
      <c r="C21" s="57"/>
      <c r="D21" s="57"/>
      <c r="E21" s="249" t="s">
        <v>115</v>
      </c>
      <c r="F21" s="250"/>
      <c r="G21" s="250"/>
      <c r="H21" s="250"/>
      <c r="I21" s="250"/>
      <c r="J21" s="251"/>
      <c r="K21" s="57"/>
      <c r="L21" s="57"/>
      <c r="M21" s="57"/>
      <c r="N21" s="57"/>
    </row>
    <row r="22" spans="1:18" ht="22.5" customHeight="1" x14ac:dyDescent="0.15">
      <c r="A22" s="57"/>
      <c r="B22" s="57"/>
      <c r="C22" s="57"/>
      <c r="D22" s="57"/>
      <c r="E22" s="62"/>
      <c r="F22" s="63"/>
      <c r="G22" s="63"/>
      <c r="H22" s="63"/>
      <c r="I22" s="64"/>
      <c r="J22" s="65"/>
      <c r="K22" s="57"/>
      <c r="L22" s="57"/>
      <c r="M22" s="57"/>
      <c r="N22" s="57"/>
    </row>
    <row r="23" spans="1:18" ht="22.5" customHeight="1" x14ac:dyDescent="0.15">
      <c r="A23" s="57"/>
      <c r="B23" s="57"/>
      <c r="C23" s="57"/>
      <c r="D23" s="57"/>
      <c r="E23" s="57"/>
      <c r="F23" s="57"/>
      <c r="G23" s="57"/>
      <c r="H23" s="57"/>
      <c r="I23" s="57"/>
      <c r="J23" s="57"/>
      <c r="K23" s="57"/>
      <c r="L23" s="57"/>
      <c r="M23" s="57"/>
      <c r="N23" s="57"/>
    </row>
    <row r="24" spans="1:18" ht="22.5" customHeight="1" x14ac:dyDescent="0.15">
      <c r="A24" s="57"/>
      <c r="B24" s="57"/>
      <c r="C24" s="57"/>
      <c r="D24" s="248" t="s">
        <v>198</v>
      </c>
      <c r="E24" s="248"/>
      <c r="F24" s="248"/>
      <c r="G24" s="248"/>
      <c r="H24" s="248"/>
      <c r="I24" s="248"/>
      <c r="J24" s="248"/>
      <c r="K24" s="248"/>
      <c r="L24" s="57"/>
      <c r="M24" s="57"/>
      <c r="N24" s="57"/>
    </row>
    <row r="25" spans="1:18" ht="22.5" customHeight="1" x14ac:dyDescent="0.15">
      <c r="D25" s="248" t="s">
        <v>199</v>
      </c>
      <c r="E25" s="248"/>
      <c r="F25" s="248"/>
      <c r="G25" s="248"/>
      <c r="H25" s="248"/>
      <c r="I25" s="248"/>
      <c r="J25" s="248"/>
      <c r="K25" s="248"/>
      <c r="R25" s="66"/>
    </row>
    <row r="26" spans="1:18" ht="22.5" customHeight="1" x14ac:dyDescent="0.15">
      <c r="A26" s="55"/>
      <c r="B26" s="55"/>
      <c r="C26" s="55"/>
      <c r="D26" s="55"/>
      <c r="E26" s="55"/>
      <c r="F26" s="55"/>
      <c r="G26" s="55"/>
      <c r="H26" s="55"/>
      <c r="I26" s="55"/>
      <c r="J26" s="55"/>
      <c r="K26" s="55"/>
      <c r="L26" s="55"/>
      <c r="M26" s="55"/>
      <c r="N26" s="55"/>
    </row>
    <row r="27" spans="1:18" ht="22.5" customHeight="1" x14ac:dyDescent="0.15">
      <c r="A27" s="55"/>
      <c r="B27" s="55"/>
      <c r="C27" s="55"/>
      <c r="D27" s="55"/>
      <c r="E27" s="55"/>
      <c r="F27" s="55"/>
      <c r="G27" s="55"/>
      <c r="H27" s="55"/>
      <c r="I27" s="55"/>
      <c r="J27" s="55"/>
      <c r="K27" s="55"/>
      <c r="L27" s="55"/>
      <c r="M27" s="55"/>
      <c r="N27" s="55"/>
    </row>
    <row r="36" spans="24:29" x14ac:dyDescent="0.15">
      <c r="X36" s="57"/>
      <c r="Y36" s="57"/>
      <c r="Z36" s="57"/>
      <c r="AA36" s="57"/>
      <c r="AB36" s="57"/>
      <c r="AC36" s="57"/>
    </row>
    <row r="37" spans="24:29" x14ac:dyDescent="0.15">
      <c r="X37" s="57"/>
      <c r="Y37" s="57"/>
      <c r="Z37" s="57"/>
      <c r="AA37" s="57"/>
      <c r="AB37" s="57"/>
      <c r="AC37" s="57"/>
    </row>
    <row r="38" spans="24:29" x14ac:dyDescent="0.15">
      <c r="X38" s="57"/>
      <c r="Y38" s="57"/>
      <c r="Z38" s="57"/>
      <c r="AA38" s="57"/>
      <c r="AB38" s="57"/>
      <c r="AC38" s="57"/>
    </row>
    <row r="39" spans="24:29" x14ac:dyDescent="0.15">
      <c r="X39" s="57"/>
      <c r="Y39" s="57"/>
      <c r="Z39" s="57"/>
      <c r="AA39" s="57"/>
      <c r="AB39" s="57"/>
      <c r="AC39" s="57"/>
    </row>
    <row r="40" spans="24:29" x14ac:dyDescent="0.15">
      <c r="X40" s="57"/>
      <c r="Y40" s="57"/>
      <c r="Z40" s="57"/>
      <c r="AA40" s="57"/>
      <c r="AB40" s="57"/>
      <c r="AC40" s="57"/>
    </row>
  </sheetData>
  <mergeCells count="11">
    <mergeCell ref="D25:K25"/>
    <mergeCell ref="E15:J15"/>
    <mergeCell ref="E7:J7"/>
    <mergeCell ref="D24:K24"/>
    <mergeCell ref="E11:J11"/>
    <mergeCell ref="E17:J17"/>
    <mergeCell ref="E19:J19"/>
    <mergeCell ref="E21:J21"/>
    <mergeCell ref="E8:J8"/>
    <mergeCell ref="E9:J9"/>
    <mergeCell ref="E13:J13"/>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19"/>
  <sheetViews>
    <sheetView showGridLines="0" view="pageBreakPreview" zoomScale="85" zoomScaleNormal="85" zoomScaleSheetLayoutView="85" workbookViewId="0">
      <selection activeCell="B26" sqref="B26:B27"/>
    </sheetView>
  </sheetViews>
  <sheetFormatPr defaultRowHeight="12" x14ac:dyDescent="0.15"/>
  <cols>
    <col min="1" max="1" width="2.625" style="71" customWidth="1"/>
    <col min="2" max="2" width="31.625" style="71" customWidth="1"/>
    <col min="3" max="3" width="10.125" style="71" customWidth="1"/>
    <col min="4" max="7" width="17.375" style="71" customWidth="1"/>
    <col min="8" max="8" width="17.875" style="71" customWidth="1"/>
    <col min="9" max="247" width="9" style="71"/>
    <col min="248" max="248" width="2.625" style="71" customWidth="1"/>
    <col min="249" max="249" width="31.625" style="71" customWidth="1"/>
    <col min="250" max="250" width="10.125" style="71" customWidth="1"/>
    <col min="251" max="255" width="17.375" style="71" customWidth="1"/>
    <col min="256" max="256" width="2.625" style="71" customWidth="1"/>
    <col min="257" max="503" width="9" style="71"/>
    <col min="504" max="504" width="2.625" style="71" customWidth="1"/>
    <col min="505" max="505" width="31.625" style="71" customWidth="1"/>
    <col min="506" max="506" width="10.125" style="71" customWidth="1"/>
    <col min="507" max="511" width="17.375" style="71" customWidth="1"/>
    <col min="512" max="512" width="2.625" style="71" customWidth="1"/>
    <col min="513" max="759" width="9" style="71"/>
    <col min="760" max="760" width="2.625" style="71" customWidth="1"/>
    <col min="761" max="761" width="31.625" style="71" customWidth="1"/>
    <col min="762" max="762" width="10.125" style="71" customWidth="1"/>
    <col min="763" max="767" width="17.375" style="71" customWidth="1"/>
    <col min="768" max="768" width="2.625" style="71" customWidth="1"/>
    <col min="769" max="1015" width="9" style="71"/>
    <col min="1016" max="1016" width="2.625" style="71" customWidth="1"/>
    <col min="1017" max="1017" width="31.625" style="71" customWidth="1"/>
    <col min="1018" max="1018" width="10.125" style="71" customWidth="1"/>
    <col min="1019" max="1023" width="17.375" style="71" customWidth="1"/>
    <col min="1024" max="1024" width="2.625" style="71" customWidth="1"/>
    <col min="1025" max="1271" width="9" style="71"/>
    <col min="1272" max="1272" width="2.625" style="71" customWidth="1"/>
    <col min="1273" max="1273" width="31.625" style="71" customWidth="1"/>
    <col min="1274" max="1274" width="10.125" style="71" customWidth="1"/>
    <col min="1275" max="1279" width="17.375" style="71" customWidth="1"/>
    <col min="1280" max="1280" width="2.625" style="71" customWidth="1"/>
    <col min="1281" max="1527" width="9" style="71"/>
    <col min="1528" max="1528" width="2.625" style="71" customWidth="1"/>
    <col min="1529" max="1529" width="31.625" style="71" customWidth="1"/>
    <col min="1530" max="1530" width="10.125" style="71" customWidth="1"/>
    <col min="1531" max="1535" width="17.375" style="71" customWidth="1"/>
    <col min="1536" max="1536" width="2.625" style="71" customWidth="1"/>
    <col min="1537" max="1783" width="9" style="71"/>
    <col min="1784" max="1784" width="2.625" style="71" customWidth="1"/>
    <col min="1785" max="1785" width="31.625" style="71" customWidth="1"/>
    <col min="1786" max="1786" width="10.125" style="71" customWidth="1"/>
    <col min="1787" max="1791" width="17.375" style="71" customWidth="1"/>
    <col min="1792" max="1792" width="2.625" style="71" customWidth="1"/>
    <col min="1793" max="2039" width="9" style="71"/>
    <col min="2040" max="2040" width="2.625" style="71" customWidth="1"/>
    <col min="2041" max="2041" width="31.625" style="71" customWidth="1"/>
    <col min="2042" max="2042" width="10.125" style="71" customWidth="1"/>
    <col min="2043" max="2047" width="17.375" style="71" customWidth="1"/>
    <col min="2048" max="2048" width="2.625" style="71" customWidth="1"/>
    <col min="2049" max="2295" width="9" style="71"/>
    <col min="2296" max="2296" width="2.625" style="71" customWidth="1"/>
    <col min="2297" max="2297" width="31.625" style="71" customWidth="1"/>
    <col min="2298" max="2298" width="10.125" style="71" customWidth="1"/>
    <col min="2299" max="2303" width="17.375" style="71" customWidth="1"/>
    <col min="2304" max="2304" width="2.625" style="71" customWidth="1"/>
    <col min="2305" max="2551" width="9" style="71"/>
    <col min="2552" max="2552" width="2.625" style="71" customWidth="1"/>
    <col min="2553" max="2553" width="31.625" style="71" customWidth="1"/>
    <col min="2554" max="2554" width="10.125" style="71" customWidth="1"/>
    <col min="2555" max="2559" width="17.375" style="71" customWidth="1"/>
    <col min="2560" max="2560" width="2.625" style="71" customWidth="1"/>
    <col min="2561" max="2807" width="9" style="71"/>
    <col min="2808" max="2808" width="2.625" style="71" customWidth="1"/>
    <col min="2809" max="2809" width="31.625" style="71" customWidth="1"/>
    <col min="2810" max="2810" width="10.125" style="71" customWidth="1"/>
    <col min="2811" max="2815" width="17.375" style="71" customWidth="1"/>
    <col min="2816" max="2816" width="2.625" style="71" customWidth="1"/>
    <col min="2817" max="3063" width="9" style="71"/>
    <col min="3064" max="3064" width="2.625" style="71" customWidth="1"/>
    <col min="3065" max="3065" width="31.625" style="71" customWidth="1"/>
    <col min="3066" max="3066" width="10.125" style="71" customWidth="1"/>
    <col min="3067" max="3071" width="17.375" style="71" customWidth="1"/>
    <col min="3072" max="3072" width="2.625" style="71" customWidth="1"/>
    <col min="3073" max="3319" width="9" style="71"/>
    <col min="3320" max="3320" width="2.625" style="71" customWidth="1"/>
    <col min="3321" max="3321" width="31.625" style="71" customWidth="1"/>
    <col min="3322" max="3322" width="10.125" style="71" customWidth="1"/>
    <col min="3323" max="3327" width="17.375" style="71" customWidth="1"/>
    <col min="3328" max="3328" width="2.625" style="71" customWidth="1"/>
    <col min="3329" max="3575" width="9" style="71"/>
    <col min="3576" max="3576" width="2.625" style="71" customWidth="1"/>
    <col min="3577" max="3577" width="31.625" style="71" customWidth="1"/>
    <col min="3578" max="3578" width="10.125" style="71" customWidth="1"/>
    <col min="3579" max="3583" width="17.375" style="71" customWidth="1"/>
    <col min="3584" max="3584" width="2.625" style="71" customWidth="1"/>
    <col min="3585" max="3831" width="9" style="71"/>
    <col min="3832" max="3832" width="2.625" style="71" customWidth="1"/>
    <col min="3833" max="3833" width="31.625" style="71" customWidth="1"/>
    <col min="3834" max="3834" width="10.125" style="71" customWidth="1"/>
    <col min="3835" max="3839" width="17.375" style="71" customWidth="1"/>
    <col min="3840" max="3840" width="2.625" style="71" customWidth="1"/>
    <col min="3841" max="4087" width="9" style="71"/>
    <col min="4088" max="4088" width="2.625" style="71" customWidth="1"/>
    <col min="4089" max="4089" width="31.625" style="71" customWidth="1"/>
    <col min="4090" max="4090" width="10.125" style="71" customWidth="1"/>
    <col min="4091" max="4095" width="17.375" style="71" customWidth="1"/>
    <col min="4096" max="4096" width="2.625" style="71" customWidth="1"/>
    <col min="4097" max="4343" width="9" style="71"/>
    <col min="4344" max="4344" width="2.625" style="71" customWidth="1"/>
    <col min="4345" max="4345" width="31.625" style="71" customWidth="1"/>
    <col min="4346" max="4346" width="10.125" style="71" customWidth="1"/>
    <col min="4347" max="4351" width="17.375" style="71" customWidth="1"/>
    <col min="4352" max="4352" width="2.625" style="71" customWidth="1"/>
    <col min="4353" max="4599" width="9" style="71"/>
    <col min="4600" max="4600" width="2.625" style="71" customWidth="1"/>
    <col min="4601" max="4601" width="31.625" style="71" customWidth="1"/>
    <col min="4602" max="4602" width="10.125" style="71" customWidth="1"/>
    <col min="4603" max="4607" width="17.375" style="71" customWidth="1"/>
    <col min="4608" max="4608" width="2.625" style="71" customWidth="1"/>
    <col min="4609" max="4855" width="9" style="71"/>
    <col min="4856" max="4856" width="2.625" style="71" customWidth="1"/>
    <col min="4857" max="4857" width="31.625" style="71" customWidth="1"/>
    <col min="4858" max="4858" width="10.125" style="71" customWidth="1"/>
    <col min="4859" max="4863" width="17.375" style="71" customWidth="1"/>
    <col min="4864" max="4864" width="2.625" style="71" customWidth="1"/>
    <col min="4865" max="5111" width="9" style="71"/>
    <col min="5112" max="5112" width="2.625" style="71" customWidth="1"/>
    <col min="5113" max="5113" width="31.625" style="71" customWidth="1"/>
    <col min="5114" max="5114" width="10.125" style="71" customWidth="1"/>
    <col min="5115" max="5119" width="17.375" style="71" customWidth="1"/>
    <col min="5120" max="5120" width="2.625" style="71" customWidth="1"/>
    <col min="5121" max="5367" width="9" style="71"/>
    <col min="5368" max="5368" width="2.625" style="71" customWidth="1"/>
    <col min="5369" max="5369" width="31.625" style="71" customWidth="1"/>
    <col min="5370" max="5370" width="10.125" style="71" customWidth="1"/>
    <col min="5371" max="5375" width="17.375" style="71" customWidth="1"/>
    <col min="5376" max="5376" width="2.625" style="71" customWidth="1"/>
    <col min="5377" max="5623" width="9" style="71"/>
    <col min="5624" max="5624" width="2.625" style="71" customWidth="1"/>
    <col min="5625" max="5625" width="31.625" style="71" customWidth="1"/>
    <col min="5626" max="5626" width="10.125" style="71" customWidth="1"/>
    <col min="5627" max="5631" width="17.375" style="71" customWidth="1"/>
    <col min="5632" max="5632" width="2.625" style="71" customWidth="1"/>
    <col min="5633" max="5879" width="9" style="71"/>
    <col min="5880" max="5880" width="2.625" style="71" customWidth="1"/>
    <col min="5881" max="5881" width="31.625" style="71" customWidth="1"/>
    <col min="5882" max="5882" width="10.125" style="71" customWidth="1"/>
    <col min="5883" max="5887" width="17.375" style="71" customWidth="1"/>
    <col min="5888" max="5888" width="2.625" style="71" customWidth="1"/>
    <col min="5889" max="6135" width="9" style="71"/>
    <col min="6136" max="6136" width="2.625" style="71" customWidth="1"/>
    <col min="6137" max="6137" width="31.625" style="71" customWidth="1"/>
    <col min="6138" max="6138" width="10.125" style="71" customWidth="1"/>
    <col min="6139" max="6143" width="17.375" style="71" customWidth="1"/>
    <col min="6144" max="6144" width="2.625" style="71" customWidth="1"/>
    <col min="6145" max="6391" width="9" style="71"/>
    <col min="6392" max="6392" width="2.625" style="71" customWidth="1"/>
    <col min="6393" max="6393" width="31.625" style="71" customWidth="1"/>
    <col min="6394" max="6394" width="10.125" style="71" customWidth="1"/>
    <col min="6395" max="6399" width="17.375" style="71" customWidth="1"/>
    <col min="6400" max="6400" width="2.625" style="71" customWidth="1"/>
    <col min="6401" max="6647" width="9" style="71"/>
    <col min="6648" max="6648" width="2.625" style="71" customWidth="1"/>
    <col min="6649" max="6649" width="31.625" style="71" customWidth="1"/>
    <col min="6650" max="6650" width="10.125" style="71" customWidth="1"/>
    <col min="6651" max="6655" width="17.375" style="71" customWidth="1"/>
    <col min="6656" max="6656" width="2.625" style="71" customWidth="1"/>
    <col min="6657" max="6903" width="9" style="71"/>
    <col min="6904" max="6904" width="2.625" style="71" customWidth="1"/>
    <col min="6905" max="6905" width="31.625" style="71" customWidth="1"/>
    <col min="6906" max="6906" width="10.125" style="71" customWidth="1"/>
    <col min="6907" max="6911" width="17.375" style="71" customWidth="1"/>
    <col min="6912" max="6912" width="2.625" style="71" customWidth="1"/>
    <col min="6913" max="7159" width="9" style="71"/>
    <col min="7160" max="7160" width="2.625" style="71" customWidth="1"/>
    <col min="7161" max="7161" width="31.625" style="71" customWidth="1"/>
    <col min="7162" max="7162" width="10.125" style="71" customWidth="1"/>
    <col min="7163" max="7167" width="17.375" style="71" customWidth="1"/>
    <col min="7168" max="7168" width="2.625" style="71" customWidth="1"/>
    <col min="7169" max="7415" width="9" style="71"/>
    <col min="7416" max="7416" width="2.625" style="71" customWidth="1"/>
    <col min="7417" max="7417" width="31.625" style="71" customWidth="1"/>
    <col min="7418" max="7418" width="10.125" style="71" customWidth="1"/>
    <col min="7419" max="7423" width="17.375" style="71" customWidth="1"/>
    <col min="7424" max="7424" width="2.625" style="71" customWidth="1"/>
    <col min="7425" max="7671" width="9" style="71"/>
    <col min="7672" max="7672" width="2.625" style="71" customWidth="1"/>
    <col min="7673" max="7673" width="31.625" style="71" customWidth="1"/>
    <col min="7674" max="7674" width="10.125" style="71" customWidth="1"/>
    <col min="7675" max="7679" width="17.375" style="71" customWidth="1"/>
    <col min="7680" max="7680" width="2.625" style="71" customWidth="1"/>
    <col min="7681" max="7927" width="9" style="71"/>
    <col min="7928" max="7928" width="2.625" style="71" customWidth="1"/>
    <col min="7929" max="7929" width="31.625" style="71" customWidth="1"/>
    <col min="7930" max="7930" width="10.125" style="71" customWidth="1"/>
    <col min="7931" max="7935" width="17.375" style="71" customWidth="1"/>
    <col min="7936" max="7936" width="2.625" style="71" customWidth="1"/>
    <col min="7937" max="8183" width="9" style="71"/>
    <col min="8184" max="8184" width="2.625" style="71" customWidth="1"/>
    <col min="8185" max="8185" width="31.625" style="71" customWidth="1"/>
    <col min="8186" max="8186" width="10.125" style="71" customWidth="1"/>
    <col min="8187" max="8191" width="17.375" style="71" customWidth="1"/>
    <col min="8192" max="8192" width="2.625" style="71" customWidth="1"/>
    <col min="8193" max="8439" width="9" style="71"/>
    <col min="8440" max="8440" width="2.625" style="71" customWidth="1"/>
    <col min="8441" max="8441" width="31.625" style="71" customWidth="1"/>
    <col min="8442" max="8442" width="10.125" style="71" customWidth="1"/>
    <col min="8443" max="8447" width="17.375" style="71" customWidth="1"/>
    <col min="8448" max="8448" width="2.625" style="71" customWidth="1"/>
    <col min="8449" max="8695" width="9" style="71"/>
    <col min="8696" max="8696" width="2.625" style="71" customWidth="1"/>
    <col min="8697" max="8697" width="31.625" style="71" customWidth="1"/>
    <col min="8698" max="8698" width="10.125" style="71" customWidth="1"/>
    <col min="8699" max="8703" width="17.375" style="71" customWidth="1"/>
    <col min="8704" max="8704" width="2.625" style="71" customWidth="1"/>
    <col min="8705" max="8951" width="9" style="71"/>
    <col min="8952" max="8952" width="2.625" style="71" customWidth="1"/>
    <col min="8953" max="8953" width="31.625" style="71" customWidth="1"/>
    <col min="8954" max="8954" width="10.125" style="71" customWidth="1"/>
    <col min="8955" max="8959" width="17.375" style="71" customWidth="1"/>
    <col min="8960" max="8960" width="2.625" style="71" customWidth="1"/>
    <col min="8961" max="9207" width="9" style="71"/>
    <col min="9208" max="9208" width="2.625" style="71" customWidth="1"/>
    <col min="9209" max="9209" width="31.625" style="71" customWidth="1"/>
    <col min="9210" max="9210" width="10.125" style="71" customWidth="1"/>
    <col min="9211" max="9215" width="17.375" style="71" customWidth="1"/>
    <col min="9216" max="9216" width="2.625" style="71" customWidth="1"/>
    <col min="9217" max="9463" width="9" style="71"/>
    <col min="9464" max="9464" width="2.625" style="71" customWidth="1"/>
    <col min="9465" max="9465" width="31.625" style="71" customWidth="1"/>
    <col min="9466" max="9466" width="10.125" style="71" customWidth="1"/>
    <col min="9467" max="9471" width="17.375" style="71" customWidth="1"/>
    <col min="9472" max="9472" width="2.625" style="71" customWidth="1"/>
    <col min="9473" max="9719" width="9" style="71"/>
    <col min="9720" max="9720" width="2.625" style="71" customWidth="1"/>
    <col min="9721" max="9721" width="31.625" style="71" customWidth="1"/>
    <col min="9722" max="9722" width="10.125" style="71" customWidth="1"/>
    <col min="9723" max="9727" width="17.375" style="71" customWidth="1"/>
    <col min="9728" max="9728" width="2.625" style="71" customWidth="1"/>
    <col min="9729" max="9975" width="9" style="71"/>
    <col min="9976" max="9976" width="2.625" style="71" customWidth="1"/>
    <col min="9977" max="9977" width="31.625" style="71" customWidth="1"/>
    <col min="9978" max="9978" width="10.125" style="71" customWidth="1"/>
    <col min="9979" max="9983" width="17.375" style="71" customWidth="1"/>
    <col min="9984" max="9984" width="2.625" style="71" customWidth="1"/>
    <col min="9985" max="10231" width="9" style="71"/>
    <col min="10232" max="10232" width="2.625" style="71" customWidth="1"/>
    <col min="10233" max="10233" width="31.625" style="71" customWidth="1"/>
    <col min="10234" max="10234" width="10.125" style="71" customWidth="1"/>
    <col min="10235" max="10239" width="17.375" style="71" customWidth="1"/>
    <col min="10240" max="10240" width="2.625" style="71" customWidth="1"/>
    <col min="10241" max="10487" width="9" style="71"/>
    <col min="10488" max="10488" width="2.625" style="71" customWidth="1"/>
    <col min="10489" max="10489" width="31.625" style="71" customWidth="1"/>
    <col min="10490" max="10490" width="10.125" style="71" customWidth="1"/>
    <col min="10491" max="10495" width="17.375" style="71" customWidth="1"/>
    <col min="10496" max="10496" width="2.625" style="71" customWidth="1"/>
    <col min="10497" max="10743" width="9" style="71"/>
    <col min="10744" max="10744" width="2.625" style="71" customWidth="1"/>
    <col min="10745" max="10745" width="31.625" style="71" customWidth="1"/>
    <col min="10746" max="10746" width="10.125" style="71" customWidth="1"/>
    <col min="10747" max="10751" width="17.375" style="71" customWidth="1"/>
    <col min="10752" max="10752" width="2.625" style="71" customWidth="1"/>
    <col min="10753" max="10999" width="9" style="71"/>
    <col min="11000" max="11000" width="2.625" style="71" customWidth="1"/>
    <col min="11001" max="11001" width="31.625" style="71" customWidth="1"/>
    <col min="11002" max="11002" width="10.125" style="71" customWidth="1"/>
    <col min="11003" max="11007" width="17.375" style="71" customWidth="1"/>
    <col min="11008" max="11008" width="2.625" style="71" customWidth="1"/>
    <col min="11009" max="11255" width="9" style="71"/>
    <col min="11256" max="11256" width="2.625" style="71" customWidth="1"/>
    <col min="11257" max="11257" width="31.625" style="71" customWidth="1"/>
    <col min="11258" max="11258" width="10.125" style="71" customWidth="1"/>
    <col min="11259" max="11263" width="17.375" style="71" customWidth="1"/>
    <col min="11264" max="11264" width="2.625" style="71" customWidth="1"/>
    <col min="11265" max="11511" width="9" style="71"/>
    <col min="11512" max="11512" width="2.625" style="71" customWidth="1"/>
    <col min="11513" max="11513" width="31.625" style="71" customWidth="1"/>
    <col min="11514" max="11514" width="10.125" style="71" customWidth="1"/>
    <col min="11515" max="11519" width="17.375" style="71" customWidth="1"/>
    <col min="11520" max="11520" width="2.625" style="71" customWidth="1"/>
    <col min="11521" max="11767" width="9" style="71"/>
    <col min="11768" max="11768" width="2.625" style="71" customWidth="1"/>
    <col min="11769" max="11769" width="31.625" style="71" customWidth="1"/>
    <col min="11770" max="11770" width="10.125" style="71" customWidth="1"/>
    <col min="11771" max="11775" width="17.375" style="71" customWidth="1"/>
    <col min="11776" max="11776" width="2.625" style="71" customWidth="1"/>
    <col min="11777" max="12023" width="9" style="71"/>
    <col min="12024" max="12024" width="2.625" style="71" customWidth="1"/>
    <col min="12025" max="12025" width="31.625" style="71" customWidth="1"/>
    <col min="12026" max="12026" width="10.125" style="71" customWidth="1"/>
    <col min="12027" max="12031" width="17.375" style="71" customWidth="1"/>
    <col min="12032" max="12032" width="2.625" style="71" customWidth="1"/>
    <col min="12033" max="12279" width="9" style="71"/>
    <col min="12280" max="12280" width="2.625" style="71" customWidth="1"/>
    <col min="12281" max="12281" width="31.625" style="71" customWidth="1"/>
    <col min="12282" max="12282" width="10.125" style="71" customWidth="1"/>
    <col min="12283" max="12287" width="17.375" style="71" customWidth="1"/>
    <col min="12288" max="12288" width="2.625" style="71" customWidth="1"/>
    <col min="12289" max="12535" width="9" style="71"/>
    <col min="12536" max="12536" width="2.625" style="71" customWidth="1"/>
    <col min="12537" max="12537" width="31.625" style="71" customWidth="1"/>
    <col min="12538" max="12538" width="10.125" style="71" customWidth="1"/>
    <col min="12539" max="12543" width="17.375" style="71" customWidth="1"/>
    <col min="12544" max="12544" width="2.625" style="71" customWidth="1"/>
    <col min="12545" max="12791" width="9" style="71"/>
    <col min="12792" max="12792" width="2.625" style="71" customWidth="1"/>
    <col min="12793" max="12793" width="31.625" style="71" customWidth="1"/>
    <col min="12794" max="12794" width="10.125" style="71" customWidth="1"/>
    <col min="12795" max="12799" width="17.375" style="71" customWidth="1"/>
    <col min="12800" max="12800" width="2.625" style="71" customWidth="1"/>
    <col min="12801" max="13047" width="9" style="71"/>
    <col min="13048" max="13048" width="2.625" style="71" customWidth="1"/>
    <col min="13049" max="13049" width="31.625" style="71" customWidth="1"/>
    <col min="13050" max="13050" width="10.125" style="71" customWidth="1"/>
    <col min="13051" max="13055" width="17.375" style="71" customWidth="1"/>
    <col min="13056" max="13056" width="2.625" style="71" customWidth="1"/>
    <col min="13057" max="13303" width="9" style="71"/>
    <col min="13304" max="13304" width="2.625" style="71" customWidth="1"/>
    <col min="13305" max="13305" width="31.625" style="71" customWidth="1"/>
    <col min="13306" max="13306" width="10.125" style="71" customWidth="1"/>
    <col min="13307" max="13311" width="17.375" style="71" customWidth="1"/>
    <col min="13312" max="13312" width="2.625" style="71" customWidth="1"/>
    <col min="13313" max="13559" width="9" style="71"/>
    <col min="13560" max="13560" width="2.625" style="71" customWidth="1"/>
    <col min="13561" max="13561" width="31.625" style="71" customWidth="1"/>
    <col min="13562" max="13562" width="10.125" style="71" customWidth="1"/>
    <col min="13563" max="13567" width="17.375" style="71" customWidth="1"/>
    <col min="13568" max="13568" width="2.625" style="71" customWidth="1"/>
    <col min="13569" max="13815" width="9" style="71"/>
    <col min="13816" max="13816" width="2.625" style="71" customWidth="1"/>
    <col min="13817" max="13817" width="31.625" style="71" customWidth="1"/>
    <col min="13818" max="13818" width="10.125" style="71" customWidth="1"/>
    <col min="13819" max="13823" width="17.375" style="71" customWidth="1"/>
    <col min="13824" max="13824" width="2.625" style="71" customWidth="1"/>
    <col min="13825" max="14071" width="9" style="71"/>
    <col min="14072" max="14072" width="2.625" style="71" customWidth="1"/>
    <col min="14073" max="14073" width="31.625" style="71" customWidth="1"/>
    <col min="14074" max="14074" width="10.125" style="71" customWidth="1"/>
    <col min="14075" max="14079" width="17.375" style="71" customWidth="1"/>
    <col min="14080" max="14080" width="2.625" style="71" customWidth="1"/>
    <col min="14081" max="14327" width="9" style="71"/>
    <col min="14328" max="14328" width="2.625" style="71" customWidth="1"/>
    <col min="14329" max="14329" width="31.625" style="71" customWidth="1"/>
    <col min="14330" max="14330" width="10.125" style="71" customWidth="1"/>
    <col min="14331" max="14335" width="17.375" style="71" customWidth="1"/>
    <col min="14336" max="14336" width="2.625" style="71" customWidth="1"/>
    <col min="14337" max="14583" width="9" style="71"/>
    <col min="14584" max="14584" width="2.625" style="71" customWidth="1"/>
    <col min="14585" max="14585" width="31.625" style="71" customWidth="1"/>
    <col min="14586" max="14586" width="10.125" style="71" customWidth="1"/>
    <col min="14587" max="14591" width="17.375" style="71" customWidth="1"/>
    <col min="14592" max="14592" width="2.625" style="71" customWidth="1"/>
    <col min="14593" max="14839" width="9" style="71"/>
    <col min="14840" max="14840" width="2.625" style="71" customWidth="1"/>
    <col min="14841" max="14841" width="31.625" style="71" customWidth="1"/>
    <col min="14842" max="14842" width="10.125" style="71" customWidth="1"/>
    <col min="14843" max="14847" width="17.375" style="71" customWidth="1"/>
    <col min="14848" max="14848" width="2.625" style="71" customWidth="1"/>
    <col min="14849" max="15095" width="9" style="71"/>
    <col min="15096" max="15096" width="2.625" style="71" customWidth="1"/>
    <col min="15097" max="15097" width="31.625" style="71" customWidth="1"/>
    <col min="15098" max="15098" width="10.125" style="71" customWidth="1"/>
    <col min="15099" max="15103" width="17.375" style="71" customWidth="1"/>
    <col min="15104" max="15104" width="2.625" style="71" customWidth="1"/>
    <col min="15105" max="15351" width="9" style="71"/>
    <col min="15352" max="15352" width="2.625" style="71" customWidth="1"/>
    <col min="15353" max="15353" width="31.625" style="71" customWidth="1"/>
    <col min="15354" max="15354" width="10.125" style="71" customWidth="1"/>
    <col min="15355" max="15359" width="17.375" style="71" customWidth="1"/>
    <col min="15360" max="15360" width="2.625" style="71" customWidth="1"/>
    <col min="15361" max="15607" width="9" style="71"/>
    <col min="15608" max="15608" width="2.625" style="71" customWidth="1"/>
    <col min="15609" max="15609" width="31.625" style="71" customWidth="1"/>
    <col min="15610" max="15610" width="10.125" style="71" customWidth="1"/>
    <col min="15611" max="15615" width="17.375" style="71" customWidth="1"/>
    <col min="15616" max="15616" width="2.625" style="71" customWidth="1"/>
    <col min="15617" max="15863" width="9" style="71"/>
    <col min="15864" max="15864" width="2.625" style="71" customWidth="1"/>
    <col min="15865" max="15865" width="31.625" style="71" customWidth="1"/>
    <col min="15866" max="15866" width="10.125" style="71" customWidth="1"/>
    <col min="15867" max="15871" width="17.375" style="71" customWidth="1"/>
    <col min="15872" max="15872" width="2.625" style="71" customWidth="1"/>
    <col min="15873" max="16119" width="9" style="71"/>
    <col min="16120" max="16120" width="2.625" style="71" customWidth="1"/>
    <col min="16121" max="16121" width="31.625" style="71" customWidth="1"/>
    <col min="16122" max="16122" width="10.125" style="71" customWidth="1"/>
    <col min="16123" max="16127" width="17.375" style="71" customWidth="1"/>
    <col min="16128" max="16128" width="2.625" style="71" customWidth="1"/>
    <col min="16129" max="16384" width="9" style="71"/>
  </cols>
  <sheetData>
    <row r="1" spans="1:9" s="87" customFormat="1" ht="18.75" customHeight="1" x14ac:dyDescent="0.15">
      <c r="A1" s="81" t="s">
        <v>124</v>
      </c>
      <c r="B1" s="83"/>
      <c r="C1" s="84"/>
      <c r="D1" s="85"/>
      <c r="E1" s="81"/>
      <c r="F1" s="81"/>
      <c r="G1" s="81"/>
      <c r="H1" s="81"/>
    </row>
    <row r="2" spans="1:9" ht="12" customHeight="1" x14ac:dyDescent="0.15">
      <c r="B2" s="72"/>
      <c r="E2" s="82"/>
      <c r="F2" s="82"/>
      <c r="G2" s="82"/>
      <c r="H2" s="82"/>
    </row>
    <row r="3" spans="1:9" ht="14.25" x14ac:dyDescent="0.15">
      <c r="A3" s="76"/>
      <c r="B3" s="161" t="s">
        <v>0</v>
      </c>
      <c r="C3" s="162"/>
      <c r="D3" s="163" t="s">
        <v>140</v>
      </c>
      <c r="E3" s="163" t="s">
        <v>142</v>
      </c>
      <c r="F3" s="163" t="s">
        <v>172</v>
      </c>
      <c r="G3" s="163" t="s">
        <v>184</v>
      </c>
      <c r="H3" s="164" t="s">
        <v>204</v>
      </c>
    </row>
    <row r="4" spans="1:9" x14ac:dyDescent="0.15">
      <c r="A4" s="76"/>
      <c r="B4" s="165" t="s">
        <v>1</v>
      </c>
      <c r="C4" s="166" t="s">
        <v>2</v>
      </c>
      <c r="D4" s="167">
        <v>2786256</v>
      </c>
      <c r="E4" s="167">
        <v>2461589</v>
      </c>
      <c r="F4" s="167">
        <v>2050639</v>
      </c>
      <c r="G4" s="167">
        <v>2427271</v>
      </c>
      <c r="H4" s="213">
        <v>2400072</v>
      </c>
    </row>
    <row r="5" spans="1:9" x14ac:dyDescent="0.15">
      <c r="A5" s="73"/>
      <c r="B5" s="209" t="s">
        <v>196</v>
      </c>
      <c r="C5" s="210" t="s">
        <v>2</v>
      </c>
      <c r="D5" s="211" t="s">
        <v>248</v>
      </c>
      <c r="E5" s="211" t="s">
        <v>217</v>
      </c>
      <c r="F5" s="211">
        <v>62454</v>
      </c>
      <c r="G5" s="167">
        <v>90125</v>
      </c>
      <c r="H5" s="213">
        <v>84140</v>
      </c>
      <c r="I5" s="214"/>
    </row>
    <row r="6" spans="1:9" x14ac:dyDescent="0.15">
      <c r="A6" s="76"/>
      <c r="B6" s="165" t="s">
        <v>143</v>
      </c>
      <c r="C6" s="166" t="s">
        <v>2</v>
      </c>
      <c r="D6" s="167" t="s">
        <v>218</v>
      </c>
      <c r="E6" s="167" t="s">
        <v>219</v>
      </c>
      <c r="F6" s="167" t="s">
        <v>220</v>
      </c>
      <c r="G6" s="167">
        <v>70225</v>
      </c>
      <c r="H6" s="213">
        <v>74226</v>
      </c>
    </row>
    <row r="7" spans="1:9" x14ac:dyDescent="0.15">
      <c r="A7" s="76"/>
      <c r="B7" s="165" t="s">
        <v>3</v>
      </c>
      <c r="C7" s="166" t="s">
        <v>50</v>
      </c>
      <c r="D7" s="168" t="s">
        <v>221</v>
      </c>
      <c r="E7" s="168" t="s">
        <v>222</v>
      </c>
      <c r="F7" s="168">
        <v>3</v>
      </c>
      <c r="G7" s="168">
        <v>3.7</v>
      </c>
      <c r="H7" s="227">
        <v>3.5</v>
      </c>
    </row>
    <row r="8" spans="1:9" x14ac:dyDescent="0.15">
      <c r="A8" s="76"/>
      <c r="B8" s="165" t="s">
        <v>4</v>
      </c>
      <c r="C8" s="166" t="s">
        <v>50</v>
      </c>
      <c r="D8" s="168" t="s">
        <v>223</v>
      </c>
      <c r="E8" s="168" t="s">
        <v>224</v>
      </c>
      <c r="F8" s="168" t="s">
        <v>225</v>
      </c>
      <c r="G8" s="168">
        <v>2.9</v>
      </c>
      <c r="H8" s="227">
        <v>3.1</v>
      </c>
    </row>
    <row r="9" spans="1:9" x14ac:dyDescent="0.15">
      <c r="A9" s="76"/>
      <c r="B9" s="165" t="s">
        <v>5</v>
      </c>
      <c r="C9" s="166" t="s">
        <v>50</v>
      </c>
      <c r="D9" s="168" t="s">
        <v>226</v>
      </c>
      <c r="E9" s="168" t="s">
        <v>35</v>
      </c>
      <c r="F9" s="168" t="s">
        <v>227</v>
      </c>
      <c r="G9" s="168">
        <v>20.9</v>
      </c>
      <c r="H9" s="227">
        <v>20.399999999999999</v>
      </c>
    </row>
    <row r="10" spans="1:9" x14ac:dyDescent="0.15">
      <c r="A10" s="76"/>
      <c r="B10" s="169" t="s">
        <v>6</v>
      </c>
      <c r="C10" s="170" t="s">
        <v>50</v>
      </c>
      <c r="D10" s="171" t="s">
        <v>228</v>
      </c>
      <c r="E10" s="171" t="s">
        <v>229</v>
      </c>
      <c r="F10" s="171" t="s">
        <v>230</v>
      </c>
      <c r="G10" s="171">
        <v>3.8</v>
      </c>
      <c r="H10" s="172">
        <v>3.9</v>
      </c>
    </row>
    <row r="11" spans="1:9" x14ac:dyDescent="0.15">
      <c r="B11" s="77" t="s">
        <v>164</v>
      </c>
      <c r="C11" s="78"/>
      <c r="D11" s="78"/>
      <c r="E11" s="78"/>
      <c r="F11" s="78"/>
      <c r="G11" s="78"/>
      <c r="H11" s="78"/>
    </row>
    <row r="12" spans="1:9" x14ac:dyDescent="0.15">
      <c r="B12" s="77" t="s">
        <v>165</v>
      </c>
      <c r="C12" s="78"/>
      <c r="D12" s="78"/>
      <c r="E12" s="78"/>
      <c r="F12" s="78"/>
      <c r="G12" s="78"/>
      <c r="H12" s="78"/>
    </row>
    <row r="13" spans="1:9" x14ac:dyDescent="0.15">
      <c r="B13" s="75" t="s">
        <v>166</v>
      </c>
      <c r="H13" s="76"/>
    </row>
    <row r="14" spans="1:9" x14ac:dyDescent="0.15">
      <c r="H14" s="76"/>
    </row>
    <row r="15" spans="1:9" ht="14.25" x14ac:dyDescent="0.15">
      <c r="A15" s="76"/>
      <c r="B15" s="161" t="s">
        <v>7</v>
      </c>
      <c r="C15" s="162"/>
      <c r="D15" s="163" t="s">
        <v>140</v>
      </c>
      <c r="E15" s="163" t="s">
        <v>142</v>
      </c>
      <c r="F15" s="163" t="s">
        <v>172</v>
      </c>
      <c r="G15" s="163" t="s">
        <v>184</v>
      </c>
      <c r="H15" s="164" t="s">
        <v>204</v>
      </c>
    </row>
    <row r="16" spans="1:9" ht="12.75" customHeight="1" x14ac:dyDescent="0.15">
      <c r="A16" s="76"/>
      <c r="B16" s="165" t="s">
        <v>8</v>
      </c>
      <c r="C16" s="166" t="s">
        <v>2</v>
      </c>
      <c r="D16" s="118">
        <v>1961909</v>
      </c>
      <c r="E16" s="118">
        <v>1570672</v>
      </c>
      <c r="F16" s="118">
        <v>1773682</v>
      </c>
      <c r="G16" s="228">
        <v>1908461</v>
      </c>
      <c r="H16" s="173">
        <v>1866349</v>
      </c>
    </row>
    <row r="17" spans="1:8" x14ac:dyDescent="0.15">
      <c r="A17" s="76"/>
      <c r="B17" s="165" t="s">
        <v>9</v>
      </c>
      <c r="C17" s="166" t="s">
        <v>2</v>
      </c>
      <c r="D17" s="118">
        <v>1917394</v>
      </c>
      <c r="E17" s="118">
        <v>1601883</v>
      </c>
      <c r="F17" s="118">
        <v>1465881</v>
      </c>
      <c r="G17" s="118">
        <v>1506748</v>
      </c>
      <c r="H17" s="229">
        <v>1493877</v>
      </c>
    </row>
    <row r="18" spans="1:8" x14ac:dyDescent="0.15">
      <c r="A18" s="76"/>
      <c r="B18" s="165" t="s">
        <v>10</v>
      </c>
      <c r="C18" s="166" t="s">
        <v>2</v>
      </c>
      <c r="D18" s="118">
        <v>44515</v>
      </c>
      <c r="E18" s="167" t="s">
        <v>231</v>
      </c>
      <c r="F18" s="167">
        <v>307801</v>
      </c>
      <c r="G18" s="167">
        <v>401713</v>
      </c>
      <c r="H18" s="213">
        <v>372471</v>
      </c>
    </row>
    <row r="19" spans="1:8" x14ac:dyDescent="0.15">
      <c r="A19" s="76"/>
      <c r="B19" s="165" t="s">
        <v>11</v>
      </c>
      <c r="C19" s="166" t="s">
        <v>2</v>
      </c>
      <c r="D19" s="118">
        <v>30166</v>
      </c>
      <c r="E19" s="167" t="s">
        <v>326</v>
      </c>
      <c r="F19" s="167">
        <v>294154</v>
      </c>
      <c r="G19" s="167">
        <v>378340</v>
      </c>
      <c r="H19" s="213">
        <v>350630</v>
      </c>
    </row>
    <row r="20" spans="1:8" x14ac:dyDescent="0.15">
      <c r="A20" s="76"/>
      <c r="B20" s="165" t="s">
        <v>12</v>
      </c>
      <c r="C20" s="166" t="s">
        <v>2</v>
      </c>
      <c r="D20" s="118">
        <v>974276</v>
      </c>
      <c r="E20" s="118">
        <v>731022</v>
      </c>
      <c r="F20" s="118">
        <v>657444</v>
      </c>
      <c r="G20" s="118">
        <v>637783</v>
      </c>
      <c r="H20" s="229">
        <v>667208</v>
      </c>
    </row>
    <row r="21" spans="1:8" x14ac:dyDescent="0.15">
      <c r="A21" s="76"/>
      <c r="B21" s="165" t="s">
        <v>13</v>
      </c>
      <c r="C21" s="166" t="s">
        <v>2</v>
      </c>
      <c r="D21" s="118">
        <v>338300</v>
      </c>
      <c r="E21" s="118">
        <v>184313</v>
      </c>
      <c r="F21" s="118">
        <v>217892</v>
      </c>
      <c r="G21" s="118">
        <v>219714</v>
      </c>
      <c r="H21" s="229">
        <v>243849</v>
      </c>
    </row>
    <row r="22" spans="1:8" x14ac:dyDescent="0.15">
      <c r="A22" s="76"/>
      <c r="B22" s="165" t="s">
        <v>135</v>
      </c>
      <c r="C22" s="166" t="s">
        <v>50</v>
      </c>
      <c r="D22" s="175">
        <v>1.5</v>
      </c>
      <c r="E22" s="168" t="s">
        <v>232</v>
      </c>
      <c r="F22" s="168">
        <v>16.600000000000001</v>
      </c>
      <c r="G22" s="168">
        <v>19.8</v>
      </c>
      <c r="H22" s="227">
        <v>18.8</v>
      </c>
    </row>
    <row r="23" spans="1:8" x14ac:dyDescent="0.15">
      <c r="A23" s="76"/>
      <c r="B23" s="169" t="s">
        <v>136</v>
      </c>
      <c r="C23" s="170" t="s">
        <v>14</v>
      </c>
      <c r="D23" s="176">
        <v>32.299999999999997</v>
      </c>
      <c r="E23" s="176" t="s">
        <v>112</v>
      </c>
      <c r="F23" s="176">
        <v>2.2000000000000002</v>
      </c>
      <c r="G23" s="176">
        <v>1.7</v>
      </c>
      <c r="H23" s="177">
        <v>1.9</v>
      </c>
    </row>
    <row r="24" spans="1:8" x14ac:dyDescent="0.15">
      <c r="B24" s="77" t="s">
        <v>167</v>
      </c>
      <c r="C24" s="78"/>
      <c r="D24" s="78"/>
      <c r="E24" s="78"/>
      <c r="F24" s="78"/>
      <c r="G24" s="78"/>
      <c r="H24" s="78"/>
    </row>
    <row r="25" spans="1:8" x14ac:dyDescent="0.15">
      <c r="B25" s="75" t="s">
        <v>168</v>
      </c>
    </row>
    <row r="26" spans="1:8" x14ac:dyDescent="0.15">
      <c r="B26" s="75" t="s">
        <v>334</v>
      </c>
    </row>
    <row r="27" spans="1:8" x14ac:dyDescent="0.15">
      <c r="B27" s="75" t="s">
        <v>335</v>
      </c>
    </row>
    <row r="29" spans="1:8" ht="14.25" x14ac:dyDescent="0.15">
      <c r="A29" s="76"/>
      <c r="B29" s="161" t="s">
        <v>121</v>
      </c>
      <c r="C29" s="162"/>
      <c r="D29" s="163" t="s">
        <v>205</v>
      </c>
      <c r="E29" s="163" t="s">
        <v>206</v>
      </c>
      <c r="F29" s="163" t="s">
        <v>188</v>
      </c>
      <c r="G29" s="163" t="s">
        <v>207</v>
      </c>
      <c r="H29" s="164" t="s">
        <v>204</v>
      </c>
    </row>
    <row r="30" spans="1:8" x14ac:dyDescent="0.15">
      <c r="A30" s="76"/>
      <c r="B30" s="165" t="s">
        <v>15</v>
      </c>
      <c r="C30" s="166" t="s">
        <v>2</v>
      </c>
      <c r="D30" s="167">
        <v>17339</v>
      </c>
      <c r="E30" s="167" t="s">
        <v>233</v>
      </c>
      <c r="F30" s="167">
        <v>127231</v>
      </c>
      <c r="G30" s="167">
        <v>105270</v>
      </c>
      <c r="H30" s="178">
        <v>79043</v>
      </c>
    </row>
    <row r="31" spans="1:8" x14ac:dyDescent="0.15">
      <c r="A31" s="76"/>
      <c r="B31" s="165" t="s">
        <v>16</v>
      </c>
      <c r="C31" s="166" t="s">
        <v>2</v>
      </c>
      <c r="D31" s="167" t="s">
        <v>234</v>
      </c>
      <c r="E31" s="167" t="s">
        <v>235</v>
      </c>
      <c r="F31" s="167" t="s">
        <v>236</v>
      </c>
      <c r="G31" s="167" t="s">
        <v>237</v>
      </c>
      <c r="H31" s="178" t="s">
        <v>238</v>
      </c>
    </row>
    <row r="32" spans="1:8" x14ac:dyDescent="0.15">
      <c r="A32" s="76"/>
      <c r="B32" s="165" t="s">
        <v>17</v>
      </c>
      <c r="C32" s="166" t="s">
        <v>2</v>
      </c>
      <c r="D32" s="167" t="s">
        <v>239</v>
      </c>
      <c r="E32" s="167" t="s">
        <v>240</v>
      </c>
      <c r="F32" s="167">
        <v>272199</v>
      </c>
      <c r="G32" s="167" t="s">
        <v>241</v>
      </c>
      <c r="H32" s="178" t="s">
        <v>242</v>
      </c>
    </row>
    <row r="33" spans="1:8" x14ac:dyDescent="0.15">
      <c r="A33" s="76"/>
      <c r="B33" s="165" t="s">
        <v>18</v>
      </c>
      <c r="C33" s="166" t="s">
        <v>2</v>
      </c>
      <c r="D33" s="167">
        <v>232211</v>
      </c>
      <c r="E33" s="167">
        <v>149533</v>
      </c>
      <c r="F33" s="167">
        <v>453477</v>
      </c>
      <c r="G33" s="167">
        <v>404001</v>
      </c>
      <c r="H33" s="178">
        <v>228798</v>
      </c>
    </row>
    <row r="34" spans="1:8" x14ac:dyDescent="0.15">
      <c r="A34" s="76"/>
      <c r="B34" s="169" t="s">
        <v>139</v>
      </c>
      <c r="C34" s="170" t="s">
        <v>2</v>
      </c>
      <c r="D34" s="179">
        <v>1296</v>
      </c>
      <c r="E34" s="179" t="s">
        <v>327</v>
      </c>
      <c r="F34" s="179">
        <v>36554</v>
      </c>
      <c r="G34" s="179" t="s">
        <v>243</v>
      </c>
      <c r="H34" s="180" t="s">
        <v>244</v>
      </c>
    </row>
    <row r="35" spans="1:8" x14ac:dyDescent="0.15">
      <c r="B35" s="77" t="s">
        <v>138</v>
      </c>
      <c r="C35" s="78"/>
      <c r="D35" s="78"/>
      <c r="E35" s="78"/>
      <c r="F35" s="78"/>
      <c r="G35" s="120"/>
      <c r="H35" s="120"/>
    </row>
    <row r="36" spans="1:8" x14ac:dyDescent="0.15">
      <c r="G36" s="119"/>
      <c r="H36" s="122"/>
    </row>
    <row r="37" spans="1:8" ht="14.25" x14ac:dyDescent="0.15">
      <c r="A37" s="76"/>
      <c r="B37" s="161" t="s">
        <v>19</v>
      </c>
      <c r="C37" s="162"/>
      <c r="D37" s="163" t="s">
        <v>205</v>
      </c>
      <c r="E37" s="163" t="s">
        <v>206</v>
      </c>
      <c r="F37" s="163" t="s">
        <v>188</v>
      </c>
      <c r="G37" s="163" t="s">
        <v>207</v>
      </c>
      <c r="H37" s="164" t="s">
        <v>204</v>
      </c>
    </row>
    <row r="38" spans="1:8" x14ac:dyDescent="0.15">
      <c r="A38" s="76"/>
      <c r="B38" s="165" t="s">
        <v>20</v>
      </c>
      <c r="C38" s="166" t="s">
        <v>2</v>
      </c>
      <c r="D38" s="118">
        <v>62653</v>
      </c>
      <c r="E38" s="118">
        <v>45240</v>
      </c>
      <c r="F38" s="118">
        <v>77733</v>
      </c>
      <c r="G38" s="118">
        <v>119356</v>
      </c>
      <c r="H38" s="173">
        <v>55996</v>
      </c>
    </row>
    <row r="39" spans="1:8" x14ac:dyDescent="0.15">
      <c r="A39" s="76"/>
      <c r="B39" s="165" t="s">
        <v>21</v>
      </c>
      <c r="C39" s="166" t="s">
        <v>2</v>
      </c>
      <c r="D39" s="118">
        <v>102601</v>
      </c>
      <c r="E39" s="118">
        <v>68056</v>
      </c>
      <c r="F39" s="118">
        <v>59794</v>
      </c>
      <c r="G39" s="118">
        <v>68414</v>
      </c>
      <c r="H39" s="174">
        <v>71900</v>
      </c>
    </row>
    <row r="40" spans="1:8" x14ac:dyDescent="0.15">
      <c r="A40" s="76"/>
      <c r="B40" s="169" t="s">
        <v>22</v>
      </c>
      <c r="C40" s="170" t="s">
        <v>2</v>
      </c>
      <c r="D40" s="181">
        <v>141042</v>
      </c>
      <c r="E40" s="181">
        <v>130120</v>
      </c>
      <c r="F40" s="181">
        <v>106107</v>
      </c>
      <c r="G40" s="181">
        <v>100536</v>
      </c>
      <c r="H40" s="182">
        <v>108545</v>
      </c>
    </row>
    <row r="41" spans="1:8" x14ac:dyDescent="0.15">
      <c r="B41" s="77"/>
      <c r="C41" s="78"/>
      <c r="D41" s="78"/>
      <c r="E41" s="78"/>
      <c r="F41" s="78"/>
      <c r="G41" s="120"/>
      <c r="H41" s="120"/>
    </row>
    <row r="42" spans="1:8" ht="14.25" x14ac:dyDescent="0.15">
      <c r="A42" s="76"/>
      <c r="B42" s="161" t="s">
        <v>23</v>
      </c>
      <c r="C42" s="162"/>
      <c r="D42" s="163" t="s">
        <v>205</v>
      </c>
      <c r="E42" s="163" t="s">
        <v>206</v>
      </c>
      <c r="F42" s="163" t="s">
        <v>188</v>
      </c>
      <c r="G42" s="163" t="s">
        <v>207</v>
      </c>
      <c r="H42" s="164" t="s">
        <v>204</v>
      </c>
    </row>
    <row r="43" spans="1:8" x14ac:dyDescent="0.15">
      <c r="A43" s="76"/>
      <c r="B43" s="165" t="s">
        <v>24</v>
      </c>
      <c r="C43" s="166" t="s">
        <v>25</v>
      </c>
      <c r="D43" s="183">
        <v>1.42</v>
      </c>
      <c r="E43" s="183">
        <v>1.57</v>
      </c>
      <c r="F43" s="183">
        <v>1.1599999999999999</v>
      </c>
      <c r="G43" s="183">
        <v>1.27</v>
      </c>
      <c r="H43" s="184">
        <v>1.29</v>
      </c>
    </row>
    <row r="44" spans="1:8" x14ac:dyDescent="0.15">
      <c r="A44" s="76"/>
      <c r="B44" s="169" t="s">
        <v>26</v>
      </c>
      <c r="C44" s="170" t="s">
        <v>27</v>
      </c>
      <c r="D44" s="176">
        <v>1.5</v>
      </c>
      <c r="E44" s="176">
        <v>0.9</v>
      </c>
      <c r="F44" s="176">
        <v>1.3</v>
      </c>
      <c r="G44" s="176">
        <v>1.1000000000000001</v>
      </c>
      <c r="H44" s="177">
        <v>1.2</v>
      </c>
    </row>
    <row r="45" spans="1:8" x14ac:dyDescent="0.15">
      <c r="B45" s="77" t="s">
        <v>169</v>
      </c>
      <c r="C45" s="78"/>
      <c r="D45" s="78"/>
      <c r="E45" s="78"/>
      <c r="F45" s="78"/>
      <c r="G45" s="120"/>
      <c r="H45" s="120"/>
    </row>
    <row r="46" spans="1:8" x14ac:dyDescent="0.15">
      <c r="B46" s="75" t="s">
        <v>170</v>
      </c>
      <c r="G46" s="119"/>
      <c r="H46" s="122"/>
    </row>
    <row r="47" spans="1:8" x14ac:dyDescent="0.15">
      <c r="G47" s="119"/>
      <c r="H47" s="122"/>
    </row>
    <row r="48" spans="1:8" ht="14.25" x14ac:dyDescent="0.15">
      <c r="A48" s="76"/>
      <c r="B48" s="161" t="s">
        <v>28</v>
      </c>
      <c r="C48" s="162"/>
      <c r="D48" s="163" t="s">
        <v>140</v>
      </c>
      <c r="E48" s="163" t="s">
        <v>142</v>
      </c>
      <c r="F48" s="163" t="s">
        <v>172</v>
      </c>
      <c r="G48" s="163" t="s">
        <v>184</v>
      </c>
      <c r="H48" s="164" t="s">
        <v>204</v>
      </c>
    </row>
    <row r="49" spans="1:8" x14ac:dyDescent="0.15">
      <c r="A49" s="76"/>
      <c r="B49" s="165" t="s">
        <v>29</v>
      </c>
      <c r="C49" s="166" t="s">
        <v>30</v>
      </c>
      <c r="D49" s="118">
        <v>235</v>
      </c>
      <c r="E49" s="118">
        <v>129</v>
      </c>
      <c r="F49" s="118">
        <v>470</v>
      </c>
      <c r="G49" s="228">
        <v>3180</v>
      </c>
      <c r="H49" s="173">
        <v>1218</v>
      </c>
    </row>
    <row r="50" spans="1:8" x14ac:dyDescent="0.15">
      <c r="A50" s="76"/>
      <c r="B50" s="165" t="s">
        <v>171</v>
      </c>
      <c r="C50" s="166" t="s">
        <v>137</v>
      </c>
      <c r="D50" s="118">
        <v>1690733</v>
      </c>
      <c r="E50" s="118">
        <v>1690678</v>
      </c>
      <c r="F50" s="118">
        <v>4972609</v>
      </c>
      <c r="G50" s="118">
        <v>497249</v>
      </c>
      <c r="H50" s="229">
        <v>531311</v>
      </c>
    </row>
    <row r="51" spans="1:8" x14ac:dyDescent="0.15">
      <c r="A51" s="76"/>
      <c r="B51" s="165" t="s">
        <v>48</v>
      </c>
      <c r="C51" s="166" t="s">
        <v>30</v>
      </c>
      <c r="D51" s="118">
        <v>0</v>
      </c>
      <c r="E51" s="118">
        <v>0</v>
      </c>
      <c r="F51" s="118">
        <v>0</v>
      </c>
      <c r="G51" s="118">
        <v>10</v>
      </c>
      <c r="H51" s="229">
        <v>20</v>
      </c>
    </row>
    <row r="52" spans="1:8" x14ac:dyDescent="0.15">
      <c r="A52" s="76"/>
      <c r="B52" s="165" t="s">
        <v>31</v>
      </c>
      <c r="C52" s="166" t="s">
        <v>30</v>
      </c>
      <c r="D52" s="183">
        <v>17.84</v>
      </c>
      <c r="E52" s="185" t="s">
        <v>245</v>
      </c>
      <c r="F52" s="185">
        <v>154.12</v>
      </c>
      <c r="G52" s="185">
        <v>267.48</v>
      </c>
      <c r="H52" s="230">
        <v>392.56</v>
      </c>
    </row>
    <row r="53" spans="1:8" x14ac:dyDescent="0.15">
      <c r="A53" s="76"/>
      <c r="B53" s="165" t="s">
        <v>32</v>
      </c>
      <c r="C53" s="166" t="s">
        <v>30</v>
      </c>
      <c r="D53" s="185" t="s">
        <v>246</v>
      </c>
      <c r="E53" s="185" t="s">
        <v>247</v>
      </c>
      <c r="F53" s="185" t="s">
        <v>331</v>
      </c>
      <c r="G53" s="185">
        <v>106.07</v>
      </c>
      <c r="H53" s="230">
        <v>116.8</v>
      </c>
    </row>
    <row r="54" spans="1:8" x14ac:dyDescent="0.15">
      <c r="A54" s="76"/>
      <c r="B54" s="165" t="s">
        <v>33</v>
      </c>
      <c r="C54" s="166" t="s">
        <v>14</v>
      </c>
      <c r="D54" s="175">
        <v>13.2</v>
      </c>
      <c r="E54" s="175" t="s">
        <v>112</v>
      </c>
      <c r="F54" s="175">
        <v>30.5</v>
      </c>
      <c r="G54" s="175">
        <v>11.9</v>
      </c>
      <c r="H54" s="231">
        <v>3.1</v>
      </c>
    </row>
    <row r="55" spans="1:8" x14ac:dyDescent="0.15">
      <c r="A55" s="76"/>
      <c r="B55" s="169" t="s">
        <v>34</v>
      </c>
      <c r="C55" s="170" t="s">
        <v>14</v>
      </c>
      <c r="D55" s="176" t="s">
        <v>35</v>
      </c>
      <c r="E55" s="176" t="s">
        <v>35</v>
      </c>
      <c r="F55" s="176" t="s">
        <v>35</v>
      </c>
      <c r="G55" s="176">
        <v>30</v>
      </c>
      <c r="H55" s="177">
        <v>10.4</v>
      </c>
    </row>
    <row r="56" spans="1:8" x14ac:dyDescent="0.15">
      <c r="A56" s="76"/>
      <c r="B56" s="77" t="s">
        <v>159</v>
      </c>
      <c r="C56" s="166"/>
      <c r="D56" s="175"/>
      <c r="E56" s="175"/>
      <c r="F56" s="175"/>
      <c r="G56" s="121"/>
      <c r="H56" s="121"/>
    </row>
    <row r="57" spans="1:8" x14ac:dyDescent="0.15">
      <c r="B57" s="77" t="s">
        <v>160</v>
      </c>
      <c r="C57" s="78"/>
      <c r="D57" s="78"/>
      <c r="E57" s="78"/>
      <c r="F57" s="78"/>
      <c r="G57" s="120"/>
      <c r="H57" s="120"/>
    </row>
    <row r="58" spans="1:8" x14ac:dyDescent="0.15">
      <c r="B58" s="77" t="s">
        <v>161</v>
      </c>
      <c r="G58" s="119"/>
      <c r="H58" s="119"/>
    </row>
    <row r="59" spans="1:8" x14ac:dyDescent="0.15">
      <c r="B59" s="102" t="s">
        <v>162</v>
      </c>
      <c r="G59" s="119"/>
      <c r="H59" s="119"/>
    </row>
    <row r="60" spans="1:8" x14ac:dyDescent="0.15">
      <c r="B60" s="77" t="s">
        <v>163</v>
      </c>
      <c r="G60" s="119"/>
      <c r="H60" s="119"/>
    </row>
    <row r="61" spans="1:8" x14ac:dyDescent="0.15">
      <c r="B61" s="77" t="s">
        <v>332</v>
      </c>
      <c r="G61" s="119"/>
      <c r="H61" s="119"/>
    </row>
    <row r="62" spans="1:8" x14ac:dyDescent="0.15">
      <c r="B62" s="77" t="s">
        <v>333</v>
      </c>
      <c r="G62" s="119"/>
      <c r="H62" s="119"/>
    </row>
    <row r="63" spans="1:8" x14ac:dyDescent="0.15">
      <c r="G63" s="119"/>
      <c r="H63" s="119"/>
    </row>
    <row r="64" spans="1:8" ht="14.25" x14ac:dyDescent="0.15">
      <c r="A64" s="76"/>
      <c r="B64" s="161" t="s">
        <v>128</v>
      </c>
      <c r="C64" s="162"/>
      <c r="D64" s="163" t="s">
        <v>205</v>
      </c>
      <c r="E64" s="163" t="s">
        <v>206</v>
      </c>
      <c r="F64" s="163" t="s">
        <v>188</v>
      </c>
      <c r="G64" s="163" t="s">
        <v>207</v>
      </c>
      <c r="H64" s="164" t="s">
        <v>204</v>
      </c>
    </row>
    <row r="65" spans="1:8" ht="12" hidden="1" customHeight="1" x14ac:dyDescent="0.15">
      <c r="A65" s="76"/>
      <c r="B65" s="165" t="s">
        <v>36</v>
      </c>
      <c r="C65" s="166" t="s">
        <v>2</v>
      </c>
      <c r="D65" s="107"/>
      <c r="E65" s="107"/>
      <c r="F65" s="107"/>
      <c r="G65" s="118">
        <v>656144</v>
      </c>
      <c r="H65" s="174"/>
    </row>
    <row r="66" spans="1:8" ht="12" hidden="1" customHeight="1" x14ac:dyDescent="0.15">
      <c r="A66" s="76"/>
      <c r="B66" s="165" t="s">
        <v>37</v>
      </c>
      <c r="C66" s="166" t="s">
        <v>2</v>
      </c>
      <c r="D66" s="107"/>
      <c r="E66" s="107"/>
      <c r="F66" s="107"/>
      <c r="G66" s="118">
        <v>181412</v>
      </c>
      <c r="H66" s="174"/>
    </row>
    <row r="67" spans="1:8" ht="12" hidden="1" customHeight="1" x14ac:dyDescent="0.15">
      <c r="A67" s="76"/>
      <c r="B67" s="165" t="s">
        <v>38</v>
      </c>
      <c r="C67" s="166" t="s">
        <v>2</v>
      </c>
      <c r="D67" s="107"/>
      <c r="E67" s="107"/>
      <c r="F67" s="107"/>
      <c r="G67" s="118">
        <v>174194</v>
      </c>
      <c r="H67" s="174"/>
    </row>
    <row r="68" spans="1:8" ht="12" hidden="1" customHeight="1" x14ac:dyDescent="0.15">
      <c r="A68" s="76"/>
      <c r="B68" s="165" t="s">
        <v>39</v>
      </c>
      <c r="C68" s="166" t="s">
        <v>2</v>
      </c>
      <c r="D68" s="107"/>
      <c r="E68" s="107"/>
      <c r="F68" s="107"/>
      <c r="G68" s="118">
        <v>1117883</v>
      </c>
      <c r="H68" s="174"/>
    </row>
    <row r="69" spans="1:8" ht="12" hidden="1" customHeight="1" x14ac:dyDescent="0.15">
      <c r="A69" s="76"/>
      <c r="B69" s="165" t="s">
        <v>40</v>
      </c>
      <c r="C69" s="166" t="s">
        <v>2</v>
      </c>
      <c r="D69" s="107"/>
      <c r="E69" s="107"/>
      <c r="F69" s="107"/>
      <c r="G69" s="118">
        <v>297636</v>
      </c>
      <c r="H69" s="174"/>
    </row>
    <row r="70" spans="1:8" ht="12" hidden="1" customHeight="1" x14ac:dyDescent="0.15">
      <c r="A70" s="76"/>
      <c r="B70" s="169" t="s">
        <v>41</v>
      </c>
      <c r="C70" s="170" t="s">
        <v>50</v>
      </c>
      <c r="D70" s="107"/>
      <c r="E70" s="107"/>
      <c r="F70" s="107"/>
      <c r="G70" s="176">
        <v>73</v>
      </c>
      <c r="H70" s="177"/>
    </row>
    <row r="71" spans="1:8" x14ac:dyDescent="0.15">
      <c r="A71" s="76"/>
      <c r="B71" s="165" t="s">
        <v>36</v>
      </c>
      <c r="C71" s="166" t="s">
        <v>2</v>
      </c>
      <c r="D71" s="238">
        <v>968449</v>
      </c>
      <c r="E71" s="238">
        <v>750499</v>
      </c>
      <c r="F71" s="238">
        <v>654012</v>
      </c>
      <c r="G71" s="118">
        <v>656144</v>
      </c>
      <c r="H71" s="174">
        <v>719424</v>
      </c>
    </row>
    <row r="72" spans="1:8" x14ac:dyDescent="0.15">
      <c r="A72" s="76"/>
      <c r="B72" s="165" t="s">
        <v>37</v>
      </c>
      <c r="C72" s="166" t="s">
        <v>2</v>
      </c>
      <c r="D72" s="118">
        <v>320980</v>
      </c>
      <c r="E72" s="118">
        <v>281049</v>
      </c>
      <c r="F72" s="118">
        <v>175169</v>
      </c>
      <c r="G72" s="118">
        <v>181412</v>
      </c>
      <c r="H72" s="174">
        <v>177277</v>
      </c>
    </row>
    <row r="73" spans="1:8" x14ac:dyDescent="0.15">
      <c r="A73" s="76"/>
      <c r="B73" s="165" t="s">
        <v>38</v>
      </c>
      <c r="C73" s="166" t="s">
        <v>2</v>
      </c>
      <c r="D73" s="118">
        <v>142520</v>
      </c>
      <c r="E73" s="118">
        <v>136590</v>
      </c>
      <c r="F73" s="118">
        <v>123551</v>
      </c>
      <c r="G73" s="118">
        <v>174194</v>
      </c>
      <c r="H73" s="174">
        <v>175126</v>
      </c>
    </row>
    <row r="74" spans="1:8" x14ac:dyDescent="0.15">
      <c r="A74" s="76"/>
      <c r="B74" s="165" t="s">
        <v>39</v>
      </c>
      <c r="C74" s="166" t="s">
        <v>2</v>
      </c>
      <c r="D74" s="118">
        <v>1140892</v>
      </c>
      <c r="E74" s="118">
        <v>1085311</v>
      </c>
      <c r="F74" s="118">
        <v>900759</v>
      </c>
      <c r="G74" s="118">
        <v>1157370</v>
      </c>
      <c r="H74" s="174">
        <v>1050536</v>
      </c>
    </row>
    <row r="75" spans="1:8" x14ac:dyDescent="0.15">
      <c r="A75" s="76"/>
      <c r="B75" s="165" t="s">
        <v>40</v>
      </c>
      <c r="C75" s="166" t="s">
        <v>2</v>
      </c>
      <c r="D75" s="118">
        <v>213415</v>
      </c>
      <c r="E75" s="118">
        <v>208140</v>
      </c>
      <c r="F75" s="118">
        <v>197146</v>
      </c>
      <c r="G75" s="118">
        <v>258149</v>
      </c>
      <c r="H75" s="174">
        <v>277708</v>
      </c>
    </row>
    <row r="76" spans="1:8" x14ac:dyDescent="0.15">
      <c r="A76" s="76"/>
      <c r="B76" s="169" t="s">
        <v>41</v>
      </c>
      <c r="C76" s="170" t="s">
        <v>50</v>
      </c>
      <c r="D76" s="176">
        <v>65.2</v>
      </c>
      <c r="E76" s="176">
        <v>69.5</v>
      </c>
      <c r="F76" s="176">
        <v>68.099999999999994</v>
      </c>
      <c r="G76" s="176">
        <v>73</v>
      </c>
      <c r="H76" s="177">
        <v>70</v>
      </c>
    </row>
    <row r="77" spans="1:8" x14ac:dyDescent="0.15">
      <c r="B77" s="77" t="s">
        <v>157</v>
      </c>
      <c r="C77" s="78"/>
      <c r="D77" s="78"/>
      <c r="E77" s="78"/>
      <c r="F77" s="78"/>
      <c r="G77" s="120"/>
      <c r="H77" s="120"/>
    </row>
    <row r="78" spans="1:8" x14ac:dyDescent="0.15">
      <c r="B78" s="75" t="s">
        <v>158</v>
      </c>
      <c r="G78" s="119"/>
      <c r="H78" s="122"/>
    </row>
    <row r="79" spans="1:8" x14ac:dyDescent="0.15">
      <c r="B79" s="75"/>
      <c r="G79" s="119"/>
      <c r="H79" s="122"/>
    </row>
    <row r="80" spans="1:8" ht="14.25" x14ac:dyDescent="0.15">
      <c r="A80" s="76"/>
      <c r="B80" s="161" t="s">
        <v>40</v>
      </c>
      <c r="C80" s="162"/>
      <c r="D80" s="163" t="s">
        <v>205</v>
      </c>
      <c r="E80" s="163" t="s">
        <v>206</v>
      </c>
      <c r="F80" s="163" t="s">
        <v>188</v>
      </c>
      <c r="G80" s="163" t="s">
        <v>207</v>
      </c>
      <c r="H80" s="164" t="s">
        <v>204</v>
      </c>
    </row>
    <row r="81" spans="1:8" x14ac:dyDescent="0.15">
      <c r="A81" s="76"/>
      <c r="B81" s="169" t="s">
        <v>46</v>
      </c>
      <c r="C81" s="170" t="s">
        <v>47</v>
      </c>
      <c r="D81" s="181">
        <v>49096</v>
      </c>
      <c r="E81" s="181">
        <v>43511</v>
      </c>
      <c r="F81" s="181">
        <v>41898</v>
      </c>
      <c r="G81" s="181">
        <v>47171</v>
      </c>
      <c r="H81" s="199">
        <v>54156</v>
      </c>
    </row>
    <row r="82" spans="1:8" x14ac:dyDescent="0.15">
      <c r="B82" s="77" t="s">
        <v>126</v>
      </c>
      <c r="C82" s="78"/>
      <c r="D82" s="78"/>
      <c r="E82" s="78"/>
      <c r="F82" s="78"/>
      <c r="G82" s="78"/>
      <c r="H82" s="78"/>
    </row>
    <row r="83" spans="1:8" ht="27" x14ac:dyDescent="0.15">
      <c r="A83" s="76"/>
      <c r="B83" s="161" t="s">
        <v>153</v>
      </c>
      <c r="C83" s="162"/>
      <c r="D83" s="163" t="s">
        <v>205</v>
      </c>
      <c r="E83" s="163" t="s">
        <v>206</v>
      </c>
      <c r="F83" s="163" t="s">
        <v>188</v>
      </c>
      <c r="G83" s="163" t="s">
        <v>207</v>
      </c>
      <c r="H83" s="164" t="s">
        <v>204</v>
      </c>
    </row>
    <row r="84" spans="1:8" ht="13.5" x14ac:dyDescent="0.15">
      <c r="A84" s="76"/>
      <c r="B84" s="186" t="s">
        <v>185</v>
      </c>
      <c r="C84" s="166" t="s">
        <v>2</v>
      </c>
      <c r="D84" s="118" t="s">
        <v>35</v>
      </c>
      <c r="E84" s="107" t="s">
        <v>35</v>
      </c>
      <c r="F84" s="244">
        <v>548129</v>
      </c>
      <c r="G84" s="124">
        <v>595132</v>
      </c>
      <c r="H84" s="178">
        <v>681330</v>
      </c>
    </row>
    <row r="85" spans="1:8" ht="13.5" x14ac:dyDescent="0.15">
      <c r="A85" s="76"/>
      <c r="B85" s="186" t="s">
        <v>186</v>
      </c>
      <c r="C85" s="166" t="s">
        <v>2</v>
      </c>
      <c r="D85" s="118" t="s">
        <v>35</v>
      </c>
      <c r="E85" s="107" t="s">
        <v>35</v>
      </c>
      <c r="F85" s="244">
        <v>310169</v>
      </c>
      <c r="G85" s="124">
        <v>318074</v>
      </c>
      <c r="H85" s="178">
        <v>319215</v>
      </c>
    </row>
    <row r="86" spans="1:8" ht="13.5" x14ac:dyDescent="0.15">
      <c r="A86" s="76"/>
      <c r="B86" s="186" t="s">
        <v>187</v>
      </c>
      <c r="C86" s="166" t="s">
        <v>2</v>
      </c>
      <c r="D86" s="118" t="s">
        <v>35</v>
      </c>
      <c r="E86" s="107" t="s">
        <v>35</v>
      </c>
      <c r="F86" s="244">
        <v>387852</v>
      </c>
      <c r="G86" s="124">
        <v>462297</v>
      </c>
      <c r="H86" s="178">
        <v>441231</v>
      </c>
    </row>
    <row r="87" spans="1:8" ht="13.5" x14ac:dyDescent="0.15">
      <c r="A87" s="76"/>
      <c r="B87" s="187" t="s">
        <v>193</v>
      </c>
      <c r="C87" s="188" t="s">
        <v>2</v>
      </c>
      <c r="D87" s="189" t="s">
        <v>35</v>
      </c>
      <c r="E87" s="123" t="s">
        <v>35</v>
      </c>
      <c r="F87" s="245">
        <v>804489</v>
      </c>
      <c r="G87" s="125">
        <v>1051767</v>
      </c>
      <c r="H87" s="190">
        <v>958295</v>
      </c>
    </row>
    <row r="88" spans="1:8" x14ac:dyDescent="0.15">
      <c r="A88" s="76"/>
      <c r="B88" s="165" t="s">
        <v>131</v>
      </c>
      <c r="C88" s="166" t="s">
        <v>2</v>
      </c>
      <c r="D88" s="118" t="s">
        <v>35</v>
      </c>
      <c r="E88" s="118" t="s">
        <v>35</v>
      </c>
      <c r="F88" s="118">
        <v>2050639</v>
      </c>
      <c r="G88" s="118">
        <v>2427271</v>
      </c>
      <c r="H88" s="191">
        <v>2400072</v>
      </c>
    </row>
    <row r="89" spans="1:8" ht="14.25" x14ac:dyDescent="0.15">
      <c r="A89" s="76"/>
      <c r="B89" s="186"/>
      <c r="C89" s="108"/>
      <c r="D89" s="107"/>
      <c r="E89" s="107"/>
      <c r="F89" s="107"/>
      <c r="G89" s="107"/>
      <c r="H89" s="192"/>
    </row>
    <row r="90" spans="1:8" x14ac:dyDescent="0.15">
      <c r="A90" s="76"/>
      <c r="B90" s="165" t="s">
        <v>173</v>
      </c>
      <c r="C90" s="166" t="s">
        <v>2</v>
      </c>
      <c r="D90" s="118" t="s">
        <v>35</v>
      </c>
      <c r="E90" s="118">
        <v>197342</v>
      </c>
      <c r="F90" s="118">
        <v>163814</v>
      </c>
      <c r="G90" s="118" t="s">
        <v>35</v>
      </c>
      <c r="H90" s="174" t="s">
        <v>35</v>
      </c>
    </row>
    <row r="91" spans="1:8" x14ac:dyDescent="0.15">
      <c r="A91" s="76"/>
      <c r="B91" s="165" t="s">
        <v>174</v>
      </c>
      <c r="C91" s="166" t="s">
        <v>2</v>
      </c>
      <c r="D91" s="118" t="s">
        <v>35</v>
      </c>
      <c r="E91" s="118">
        <v>296072</v>
      </c>
      <c r="F91" s="118">
        <v>281505</v>
      </c>
      <c r="G91" s="118" t="s">
        <v>35</v>
      </c>
      <c r="H91" s="174" t="s">
        <v>35</v>
      </c>
    </row>
    <row r="92" spans="1:8" x14ac:dyDescent="0.15">
      <c r="A92" s="76"/>
      <c r="B92" s="165" t="s">
        <v>175</v>
      </c>
      <c r="C92" s="166" t="s">
        <v>2</v>
      </c>
      <c r="D92" s="118" t="s">
        <v>35</v>
      </c>
      <c r="E92" s="118">
        <v>348451</v>
      </c>
      <c r="F92" s="118">
        <v>310169</v>
      </c>
      <c r="G92" s="118" t="s">
        <v>35</v>
      </c>
      <c r="H92" s="174" t="s">
        <v>35</v>
      </c>
    </row>
    <row r="93" spans="1:8" x14ac:dyDescent="0.15">
      <c r="A93" s="76"/>
      <c r="B93" s="165" t="s">
        <v>176</v>
      </c>
      <c r="C93" s="166" t="s">
        <v>2</v>
      </c>
      <c r="D93" s="118" t="s">
        <v>35</v>
      </c>
      <c r="E93" s="118">
        <v>241593</v>
      </c>
      <c r="F93" s="118">
        <v>201377</v>
      </c>
      <c r="G93" s="118" t="s">
        <v>35</v>
      </c>
      <c r="H93" s="174" t="s">
        <v>35</v>
      </c>
    </row>
    <row r="94" spans="1:8" x14ac:dyDescent="0.15">
      <c r="A94" s="76"/>
      <c r="B94" s="165" t="s">
        <v>177</v>
      </c>
      <c r="C94" s="166" t="s">
        <v>2</v>
      </c>
      <c r="D94" s="118" t="s">
        <v>35</v>
      </c>
      <c r="E94" s="118">
        <v>216429</v>
      </c>
      <c r="F94" s="118">
        <v>186475</v>
      </c>
      <c r="G94" s="118" t="s">
        <v>35</v>
      </c>
      <c r="H94" s="174" t="s">
        <v>35</v>
      </c>
    </row>
    <row r="95" spans="1:8" x14ac:dyDescent="0.15">
      <c r="A95" s="76"/>
      <c r="B95" s="165" t="s">
        <v>178</v>
      </c>
      <c r="C95" s="166" t="s">
        <v>2</v>
      </c>
      <c r="D95" s="118" t="s">
        <v>35</v>
      </c>
      <c r="E95" s="118">
        <v>155422</v>
      </c>
      <c r="F95" s="118">
        <v>102810</v>
      </c>
      <c r="G95" s="118" t="s">
        <v>35</v>
      </c>
      <c r="H95" s="174" t="s">
        <v>35</v>
      </c>
    </row>
    <row r="96" spans="1:8" x14ac:dyDescent="0.15">
      <c r="A96" s="76"/>
      <c r="B96" s="193" t="s">
        <v>179</v>
      </c>
      <c r="C96" s="100" t="s">
        <v>2</v>
      </c>
      <c r="D96" s="101" t="s">
        <v>35</v>
      </c>
      <c r="E96" s="101">
        <v>1006280</v>
      </c>
      <c r="F96" s="101">
        <v>804489</v>
      </c>
      <c r="G96" s="101" t="s">
        <v>35</v>
      </c>
      <c r="H96" s="194" t="s">
        <v>35</v>
      </c>
    </row>
    <row r="97" spans="1:8" x14ac:dyDescent="0.15">
      <c r="A97" s="76"/>
      <c r="B97" s="165" t="s">
        <v>131</v>
      </c>
      <c r="C97" s="166" t="s">
        <v>2</v>
      </c>
      <c r="D97" s="118" t="s">
        <v>35</v>
      </c>
      <c r="E97" s="118">
        <v>2461589</v>
      </c>
      <c r="F97" s="118">
        <v>2050639</v>
      </c>
      <c r="G97" s="118" t="s">
        <v>35</v>
      </c>
      <c r="H97" s="174" t="s">
        <v>35</v>
      </c>
    </row>
    <row r="98" spans="1:8" ht="12" customHeight="1" x14ac:dyDescent="0.15">
      <c r="A98" s="76"/>
      <c r="B98" s="186"/>
      <c r="C98" s="108"/>
      <c r="D98" s="107"/>
      <c r="E98" s="107"/>
      <c r="F98" s="107"/>
      <c r="G98" s="107"/>
      <c r="H98" s="192"/>
    </row>
    <row r="99" spans="1:8" x14ac:dyDescent="0.15">
      <c r="A99" s="76"/>
      <c r="B99" s="165" t="s">
        <v>144</v>
      </c>
      <c r="C99" s="166" t="s">
        <v>2</v>
      </c>
      <c r="D99" s="118">
        <v>982350</v>
      </c>
      <c r="E99" s="118">
        <v>798314</v>
      </c>
      <c r="F99" s="118" t="s">
        <v>35</v>
      </c>
      <c r="G99" s="118" t="s">
        <v>35</v>
      </c>
      <c r="H99" s="174" t="s">
        <v>35</v>
      </c>
    </row>
    <row r="100" spans="1:8" x14ac:dyDescent="0.15">
      <c r="A100" s="76"/>
      <c r="B100" s="165" t="s">
        <v>141</v>
      </c>
      <c r="C100" s="166" t="s">
        <v>2</v>
      </c>
      <c r="D100" s="118">
        <v>270881</v>
      </c>
      <c r="E100" s="118">
        <v>155422</v>
      </c>
      <c r="F100" s="118" t="s">
        <v>35</v>
      </c>
      <c r="G100" s="118" t="s">
        <v>35</v>
      </c>
      <c r="H100" s="174" t="s">
        <v>35</v>
      </c>
    </row>
    <row r="101" spans="1:8" x14ac:dyDescent="0.15">
      <c r="A101" s="76"/>
      <c r="B101" s="165" t="s">
        <v>151</v>
      </c>
      <c r="C101" s="166" t="s">
        <v>2</v>
      </c>
      <c r="D101" s="118">
        <v>343321</v>
      </c>
      <c r="E101" s="118">
        <v>348451</v>
      </c>
      <c r="F101" s="118" t="s">
        <v>35</v>
      </c>
      <c r="G101" s="118" t="s">
        <v>35</v>
      </c>
      <c r="H101" s="174" t="s">
        <v>35</v>
      </c>
    </row>
    <row r="102" spans="1:8" x14ac:dyDescent="0.15">
      <c r="A102" s="76"/>
      <c r="B102" s="165" t="s">
        <v>145</v>
      </c>
      <c r="C102" s="166" t="s">
        <v>2</v>
      </c>
      <c r="D102" s="118">
        <v>416707</v>
      </c>
      <c r="E102" s="118">
        <v>458022</v>
      </c>
      <c r="F102" s="118" t="s">
        <v>35</v>
      </c>
      <c r="G102" s="118" t="s">
        <v>35</v>
      </c>
      <c r="H102" s="174" t="s">
        <v>35</v>
      </c>
    </row>
    <row r="103" spans="1:8" x14ac:dyDescent="0.15">
      <c r="A103" s="76"/>
      <c r="B103" s="169" t="s">
        <v>146</v>
      </c>
      <c r="C103" s="170" t="s">
        <v>2</v>
      </c>
      <c r="D103" s="181">
        <v>772997</v>
      </c>
      <c r="E103" s="181">
        <v>701380</v>
      </c>
      <c r="F103" s="181" t="s">
        <v>35</v>
      </c>
      <c r="G103" s="181" t="s">
        <v>35</v>
      </c>
      <c r="H103" s="194" t="s">
        <v>35</v>
      </c>
    </row>
    <row r="104" spans="1:8" x14ac:dyDescent="0.15">
      <c r="A104" s="76"/>
      <c r="B104" s="169" t="s">
        <v>154</v>
      </c>
      <c r="C104" s="170" t="s">
        <v>2</v>
      </c>
      <c r="D104" s="181">
        <v>2786256</v>
      </c>
      <c r="E104" s="181">
        <v>2461589</v>
      </c>
      <c r="F104" s="181" t="s">
        <v>35</v>
      </c>
      <c r="G104" s="181" t="s">
        <v>35</v>
      </c>
      <c r="H104" s="199" t="s">
        <v>35</v>
      </c>
    </row>
    <row r="105" spans="1:8" hidden="1" x14ac:dyDescent="0.15">
      <c r="A105" s="76"/>
      <c r="B105" s="195" t="s">
        <v>42</v>
      </c>
      <c r="C105" s="166" t="s">
        <v>2</v>
      </c>
      <c r="D105" s="118">
        <v>670326</v>
      </c>
      <c r="E105" s="118" t="s">
        <v>35</v>
      </c>
      <c r="F105" s="118" t="s">
        <v>35</v>
      </c>
      <c r="G105" s="118" t="s">
        <v>35</v>
      </c>
      <c r="H105" s="174" t="s">
        <v>35</v>
      </c>
    </row>
    <row r="106" spans="1:8" hidden="1" x14ac:dyDescent="0.15">
      <c r="A106" s="76"/>
      <c r="B106" s="195" t="s">
        <v>43</v>
      </c>
      <c r="C106" s="166" t="s">
        <v>2</v>
      </c>
      <c r="D106" s="118">
        <v>315022</v>
      </c>
      <c r="E106" s="118" t="s">
        <v>35</v>
      </c>
      <c r="F106" s="118" t="s">
        <v>35</v>
      </c>
      <c r="G106" s="118" t="s">
        <v>35</v>
      </c>
      <c r="H106" s="174" t="s">
        <v>35</v>
      </c>
    </row>
    <row r="107" spans="1:8" hidden="1" x14ac:dyDescent="0.15">
      <c r="A107" s="76"/>
      <c r="B107" s="195" t="s">
        <v>141</v>
      </c>
      <c r="C107" s="166" t="s">
        <v>2</v>
      </c>
      <c r="D107" s="118">
        <v>270881</v>
      </c>
      <c r="E107" s="118" t="s">
        <v>35</v>
      </c>
      <c r="F107" s="118" t="s">
        <v>35</v>
      </c>
      <c r="G107" s="118" t="s">
        <v>35</v>
      </c>
      <c r="H107" s="174" t="s">
        <v>35</v>
      </c>
    </row>
    <row r="108" spans="1:8" hidden="1" x14ac:dyDescent="0.15">
      <c r="A108" s="76"/>
      <c r="B108" s="196" t="s">
        <v>150</v>
      </c>
      <c r="C108" s="170" t="s">
        <v>2</v>
      </c>
      <c r="D108" s="181">
        <v>340323</v>
      </c>
      <c r="E108" s="181" t="s">
        <v>35</v>
      </c>
      <c r="F108" s="181" t="s">
        <v>35</v>
      </c>
      <c r="G108" s="181" t="s">
        <v>35</v>
      </c>
      <c r="H108" s="194" t="s">
        <v>35</v>
      </c>
    </row>
    <row r="109" spans="1:8" hidden="1" x14ac:dyDescent="0.15">
      <c r="A109" s="76"/>
      <c r="B109" s="165" t="s">
        <v>155</v>
      </c>
      <c r="C109" s="166" t="s">
        <v>2</v>
      </c>
      <c r="D109" s="118">
        <v>1596552</v>
      </c>
      <c r="E109" s="118" t="s">
        <v>35</v>
      </c>
      <c r="F109" s="118" t="s">
        <v>35</v>
      </c>
      <c r="G109" s="118" t="s">
        <v>35</v>
      </c>
      <c r="H109" s="173" t="s">
        <v>35</v>
      </c>
    </row>
    <row r="110" spans="1:8" hidden="1" x14ac:dyDescent="0.15">
      <c r="A110" s="76"/>
      <c r="B110" s="195" t="s">
        <v>44</v>
      </c>
      <c r="C110" s="166" t="s">
        <v>2</v>
      </c>
      <c r="D110" s="118">
        <v>772997</v>
      </c>
      <c r="E110" s="118" t="s">
        <v>35</v>
      </c>
      <c r="F110" s="118" t="s">
        <v>35</v>
      </c>
      <c r="G110" s="118" t="s">
        <v>35</v>
      </c>
      <c r="H110" s="174" t="s">
        <v>35</v>
      </c>
    </row>
    <row r="111" spans="1:8" hidden="1" x14ac:dyDescent="0.15">
      <c r="A111" s="76"/>
      <c r="B111" s="196" t="s">
        <v>45</v>
      </c>
      <c r="C111" s="170" t="s">
        <v>2</v>
      </c>
      <c r="D111" s="181">
        <v>416707</v>
      </c>
      <c r="E111" s="181" t="s">
        <v>35</v>
      </c>
      <c r="F111" s="181" t="s">
        <v>35</v>
      </c>
      <c r="G111" s="181" t="s">
        <v>35</v>
      </c>
      <c r="H111" s="194" t="s">
        <v>35</v>
      </c>
    </row>
    <row r="112" spans="1:8" hidden="1" x14ac:dyDescent="0.15">
      <c r="A112" s="76"/>
      <c r="B112" s="169" t="s">
        <v>156</v>
      </c>
      <c r="C112" s="170" t="s">
        <v>2</v>
      </c>
      <c r="D112" s="181">
        <v>1189704</v>
      </c>
      <c r="E112" s="181" t="s">
        <v>35</v>
      </c>
      <c r="F112" s="181" t="s">
        <v>35</v>
      </c>
      <c r="G112" s="181" t="s">
        <v>35</v>
      </c>
      <c r="H112" s="197" t="s">
        <v>35</v>
      </c>
    </row>
    <row r="113" spans="1:8" hidden="1" x14ac:dyDescent="0.15">
      <c r="A113" s="76"/>
      <c r="B113" s="198" t="s">
        <v>154</v>
      </c>
      <c r="C113" s="105" t="s">
        <v>2</v>
      </c>
      <c r="D113" s="106">
        <v>2786256</v>
      </c>
      <c r="E113" s="106" t="s">
        <v>35</v>
      </c>
      <c r="F113" s="106" t="s">
        <v>35</v>
      </c>
      <c r="G113" s="106" t="s">
        <v>35</v>
      </c>
      <c r="H113" s="173" t="s">
        <v>35</v>
      </c>
    </row>
    <row r="114" spans="1:8" ht="24" customHeight="1" x14ac:dyDescent="0.15">
      <c r="B114" s="256" t="s">
        <v>192</v>
      </c>
      <c r="C114" s="256"/>
      <c r="D114" s="256"/>
      <c r="E114" s="256"/>
      <c r="F114" s="256"/>
      <c r="G114" s="256"/>
      <c r="H114" s="256"/>
    </row>
    <row r="115" spans="1:8" ht="12" customHeight="1" x14ac:dyDescent="0.15">
      <c r="B115" s="256" t="s">
        <v>194</v>
      </c>
      <c r="C115" s="256"/>
      <c r="D115" s="256"/>
      <c r="E115" s="256"/>
      <c r="F115" s="256"/>
      <c r="G115" s="256"/>
      <c r="H115" s="256"/>
    </row>
    <row r="116" spans="1:8" ht="12" customHeight="1" x14ac:dyDescent="0.15">
      <c r="B116" s="201"/>
      <c r="C116" s="201"/>
      <c r="D116" s="201"/>
      <c r="E116" s="201"/>
      <c r="F116" s="201"/>
      <c r="G116" s="201"/>
      <c r="H116" s="201"/>
    </row>
    <row r="117" spans="1:8" x14ac:dyDescent="0.15">
      <c r="G117" s="119"/>
      <c r="H117" s="119"/>
    </row>
    <row r="119" spans="1:8" x14ac:dyDescent="0.15">
      <c r="E119" s="88"/>
      <c r="F119" s="88"/>
      <c r="G119" s="88"/>
      <c r="H119" s="88"/>
    </row>
  </sheetData>
  <mergeCells count="2">
    <mergeCell ref="B114:H114"/>
    <mergeCell ref="B115:H115"/>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2" manualBreakCount="2">
    <brk id="41" max="16383" man="1"/>
    <brk id="82"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82"/>
  <sheetViews>
    <sheetView showGridLines="0" zoomScaleNormal="100" workbookViewId="0">
      <selection activeCell="A80" sqref="A80:XFD80"/>
    </sheetView>
  </sheetViews>
  <sheetFormatPr defaultRowHeight="12" x14ac:dyDescent="0.15"/>
  <cols>
    <col min="1" max="1" width="2.625" style="133" customWidth="1"/>
    <col min="2" max="2" width="31.625" style="133" customWidth="1"/>
    <col min="3" max="3" width="10.125" style="133" customWidth="1"/>
    <col min="4" max="7" width="17.375" style="133" customWidth="1"/>
    <col min="8" max="8" width="17.25" style="133" customWidth="1"/>
    <col min="9" max="9" width="5.875" style="133" hidden="1" customWidth="1"/>
    <col min="10" max="10" width="9" style="139" hidden="1" customWidth="1"/>
    <col min="11" max="16" width="15.125" style="139" hidden="1" customWidth="1"/>
    <col min="17" max="17" width="9" style="133" hidden="1" customWidth="1"/>
    <col min="18" max="18" width="0" style="133" hidden="1" customWidth="1"/>
    <col min="19" max="19" width="0.25" style="133" hidden="1" customWidth="1"/>
    <col min="20" max="20" width="9" style="133" hidden="1" customWidth="1"/>
    <col min="21" max="36" width="0" style="133" hidden="1" customWidth="1"/>
    <col min="37" max="16384" width="9" style="133"/>
  </cols>
  <sheetData>
    <row r="1" spans="1:17" s="132" customFormat="1" ht="18.75" customHeight="1" x14ac:dyDescent="0.15">
      <c r="A1" s="126" t="s">
        <v>134</v>
      </c>
      <c r="B1" s="127"/>
      <c r="C1" s="128"/>
      <c r="D1" s="129"/>
      <c r="E1" s="126"/>
      <c r="F1" s="126"/>
      <c r="G1" s="126"/>
      <c r="H1" s="130" t="s">
        <v>114</v>
      </c>
      <c r="I1" s="126"/>
      <c r="J1" s="216"/>
      <c r="K1" s="217"/>
      <c r="L1" s="218"/>
      <c r="M1" s="219"/>
      <c r="N1" s="219"/>
      <c r="O1" s="219"/>
      <c r="P1" s="220"/>
      <c r="Q1" s="131"/>
    </row>
    <row r="2" spans="1:17" ht="15" customHeight="1" x14ac:dyDescent="0.15">
      <c r="B2" s="134"/>
      <c r="C2" s="135"/>
      <c r="D2" s="136" t="s">
        <v>205</v>
      </c>
      <c r="E2" s="136" t="s">
        <v>206</v>
      </c>
      <c r="F2" s="136" t="s">
        <v>188</v>
      </c>
      <c r="G2" s="136" t="s">
        <v>207</v>
      </c>
      <c r="H2" s="137" t="s">
        <v>204</v>
      </c>
      <c r="J2" s="221"/>
      <c r="K2" s="222"/>
      <c r="L2" s="223"/>
      <c r="M2" s="223"/>
      <c r="N2" s="223"/>
      <c r="O2" s="223"/>
      <c r="P2" s="223"/>
    </row>
    <row r="3" spans="1:17" ht="15" hidden="1" customHeight="1" x14ac:dyDescent="0.15">
      <c r="B3" s="138" t="s">
        <v>133</v>
      </c>
      <c r="C3" s="139"/>
      <c r="D3" s="140"/>
      <c r="E3" s="140"/>
      <c r="F3" s="140"/>
      <c r="G3" s="140"/>
      <c r="H3" s="141"/>
      <c r="J3" s="221"/>
      <c r="K3" s="222"/>
      <c r="L3" s="223"/>
      <c r="M3" s="223"/>
      <c r="N3" s="223"/>
      <c r="O3" s="223"/>
      <c r="P3" s="223"/>
    </row>
    <row r="4" spans="1:17" ht="15" hidden="1" customHeight="1" x14ac:dyDescent="0.15">
      <c r="B4" s="142" t="s">
        <v>185</v>
      </c>
      <c r="C4" s="143"/>
      <c r="D4" s="144" t="s">
        <v>35</v>
      </c>
      <c r="E4" s="144" t="s">
        <v>35</v>
      </c>
      <c r="F4" s="144" t="s">
        <v>35</v>
      </c>
      <c r="G4" s="145">
        <v>607990</v>
      </c>
      <c r="H4" s="146"/>
      <c r="J4" s="221"/>
      <c r="K4" s="222"/>
      <c r="L4" s="223"/>
      <c r="M4" s="223"/>
      <c r="N4" s="223"/>
      <c r="O4" s="223"/>
      <c r="P4" s="223"/>
    </row>
    <row r="5" spans="1:17" ht="15" hidden="1" customHeight="1" x14ac:dyDescent="0.15">
      <c r="B5" s="203" t="s">
        <v>186</v>
      </c>
      <c r="C5" s="204"/>
      <c r="D5" s="205" t="s">
        <v>35</v>
      </c>
      <c r="E5" s="205" t="s">
        <v>35</v>
      </c>
      <c r="F5" s="205" t="s">
        <v>35</v>
      </c>
      <c r="G5" s="206">
        <v>331125</v>
      </c>
      <c r="H5" s="207"/>
      <c r="J5" s="221"/>
      <c r="K5" s="222"/>
      <c r="L5" s="223"/>
      <c r="M5" s="223"/>
      <c r="N5" s="223"/>
      <c r="O5" s="223"/>
      <c r="P5" s="223"/>
    </row>
    <row r="6" spans="1:17" ht="15" hidden="1" customHeight="1" x14ac:dyDescent="0.15">
      <c r="B6" s="142" t="s">
        <v>189</v>
      </c>
      <c r="C6" s="143"/>
      <c r="D6" s="144" t="s">
        <v>35</v>
      </c>
      <c r="E6" s="144" t="s">
        <v>35</v>
      </c>
      <c r="F6" s="144" t="s">
        <v>35</v>
      </c>
      <c r="G6" s="145">
        <v>491525</v>
      </c>
      <c r="H6" s="146"/>
      <c r="J6" s="221"/>
      <c r="K6" s="222"/>
      <c r="L6" s="223"/>
      <c r="M6" s="223"/>
      <c r="N6" s="223"/>
      <c r="O6" s="223"/>
      <c r="P6" s="223"/>
    </row>
    <row r="7" spans="1:17" ht="15" hidden="1" customHeight="1" x14ac:dyDescent="0.15">
      <c r="B7" s="142" t="s">
        <v>190</v>
      </c>
      <c r="C7" s="143"/>
      <c r="D7" s="144" t="s">
        <v>35</v>
      </c>
      <c r="E7" s="144" t="s">
        <v>35</v>
      </c>
      <c r="F7" s="144" t="s">
        <v>35</v>
      </c>
      <c r="G7" s="145">
        <v>1086570</v>
      </c>
      <c r="H7" s="146"/>
      <c r="J7" s="221"/>
      <c r="K7" s="222"/>
      <c r="L7" s="223"/>
      <c r="M7" s="223"/>
      <c r="N7" s="223"/>
      <c r="O7" s="223"/>
      <c r="P7" s="223"/>
    </row>
    <row r="8" spans="1:17" ht="15" hidden="1" customHeight="1" x14ac:dyDescent="0.15">
      <c r="B8" s="142" t="s">
        <v>129</v>
      </c>
      <c r="C8" s="143"/>
      <c r="D8" s="147" t="s">
        <v>35</v>
      </c>
      <c r="E8" s="147" t="s">
        <v>35</v>
      </c>
      <c r="F8" s="147" t="s">
        <v>35</v>
      </c>
      <c r="G8" s="147">
        <v>2517212</v>
      </c>
      <c r="H8" s="148"/>
      <c r="J8" s="221"/>
      <c r="K8" s="222"/>
      <c r="L8" s="223"/>
      <c r="M8" s="223"/>
      <c r="N8" s="223"/>
      <c r="O8" s="223"/>
      <c r="P8" s="223"/>
    </row>
    <row r="9" spans="1:17" ht="15" hidden="1" customHeight="1" x14ac:dyDescent="0.15">
      <c r="B9" s="142" t="s">
        <v>130</v>
      </c>
      <c r="C9" s="143"/>
      <c r="D9" s="147" t="s">
        <v>35</v>
      </c>
      <c r="E9" s="147" t="s">
        <v>216</v>
      </c>
      <c r="F9" s="147" t="s">
        <v>35</v>
      </c>
      <c r="G9" s="147" t="s">
        <v>208</v>
      </c>
      <c r="H9" s="148"/>
      <c r="J9" s="221"/>
      <c r="K9" s="222"/>
      <c r="L9" s="223"/>
      <c r="M9" s="223"/>
      <c r="N9" s="223"/>
      <c r="O9" s="223"/>
      <c r="P9" s="223"/>
    </row>
    <row r="10" spans="1:17" ht="15" hidden="1" customHeight="1" x14ac:dyDescent="0.15">
      <c r="B10" s="142" t="s">
        <v>131</v>
      </c>
      <c r="C10" s="143"/>
      <c r="D10" s="150" t="s">
        <v>35</v>
      </c>
      <c r="E10" s="150" t="s">
        <v>35</v>
      </c>
      <c r="F10" s="150" t="s">
        <v>35</v>
      </c>
      <c r="G10" s="150">
        <v>2427271</v>
      </c>
      <c r="H10" s="151"/>
      <c r="J10" s="221"/>
      <c r="K10" s="222"/>
      <c r="L10" s="223"/>
      <c r="M10" s="223"/>
      <c r="N10" s="223"/>
      <c r="O10" s="223"/>
      <c r="P10" s="223"/>
    </row>
    <row r="11" spans="1:17" ht="15" hidden="1" customHeight="1" x14ac:dyDescent="0.15">
      <c r="B11" s="138" t="s">
        <v>122</v>
      </c>
      <c r="C11" s="139"/>
      <c r="D11" s="140"/>
      <c r="E11" s="140"/>
      <c r="F11" s="140"/>
      <c r="G11" s="140"/>
      <c r="H11" s="141"/>
      <c r="J11" s="221"/>
      <c r="K11" s="222"/>
      <c r="L11" s="223"/>
      <c r="M11" s="223"/>
      <c r="N11" s="223"/>
      <c r="O11" s="223"/>
      <c r="P11" s="223"/>
    </row>
    <row r="12" spans="1:17" ht="15" hidden="1" customHeight="1" x14ac:dyDescent="0.15">
      <c r="B12" s="142" t="s">
        <v>185</v>
      </c>
      <c r="C12" s="143"/>
      <c r="D12" s="144" t="s">
        <v>35</v>
      </c>
      <c r="E12" s="144" t="s">
        <v>35</v>
      </c>
      <c r="F12" s="144" t="s">
        <v>35</v>
      </c>
      <c r="G12" s="145">
        <v>43723</v>
      </c>
      <c r="H12" s="146"/>
      <c r="J12" s="221"/>
      <c r="K12" s="222"/>
      <c r="L12" s="223"/>
      <c r="M12" s="223"/>
      <c r="N12" s="223"/>
      <c r="O12" s="223"/>
      <c r="P12" s="223"/>
    </row>
    <row r="13" spans="1:17" ht="15" hidden="1" customHeight="1" x14ac:dyDescent="0.15">
      <c r="B13" s="142" t="s">
        <v>186</v>
      </c>
      <c r="C13" s="143"/>
      <c r="D13" s="145" t="s">
        <v>35</v>
      </c>
      <c r="E13" s="145" t="s">
        <v>35</v>
      </c>
      <c r="F13" s="145" t="s">
        <v>35</v>
      </c>
      <c r="G13" s="145">
        <v>20142</v>
      </c>
      <c r="H13" s="146"/>
      <c r="J13" s="221"/>
      <c r="K13" s="222"/>
      <c r="L13" s="223"/>
      <c r="M13" s="223"/>
      <c r="N13" s="223"/>
      <c r="O13" s="223"/>
      <c r="P13" s="223"/>
    </row>
    <row r="14" spans="1:17" ht="15" hidden="1" customHeight="1" x14ac:dyDescent="0.15">
      <c r="B14" s="142" t="s">
        <v>189</v>
      </c>
      <c r="C14" s="143"/>
      <c r="D14" s="144" t="s">
        <v>35</v>
      </c>
      <c r="E14" s="144" t="s">
        <v>35</v>
      </c>
      <c r="F14" s="144" t="s">
        <v>35</v>
      </c>
      <c r="G14" s="145">
        <v>5160</v>
      </c>
      <c r="H14" s="146"/>
      <c r="J14" s="221"/>
      <c r="K14" s="222"/>
      <c r="L14" s="223"/>
      <c r="M14" s="223"/>
      <c r="N14" s="223"/>
      <c r="O14" s="223"/>
      <c r="P14" s="223"/>
    </row>
    <row r="15" spans="1:17" ht="15" hidden="1" customHeight="1" x14ac:dyDescent="0.15">
      <c r="B15" s="142" t="s">
        <v>190</v>
      </c>
      <c r="C15" s="143"/>
      <c r="D15" s="144" t="s">
        <v>35</v>
      </c>
      <c r="E15" s="144" t="s">
        <v>35</v>
      </c>
      <c r="F15" s="144" t="s">
        <v>35</v>
      </c>
      <c r="G15" s="145">
        <v>37041</v>
      </c>
      <c r="H15" s="146"/>
      <c r="J15" s="221"/>
      <c r="K15" s="222"/>
      <c r="L15" s="223"/>
      <c r="M15" s="223"/>
      <c r="N15" s="223"/>
      <c r="O15" s="223"/>
      <c r="P15" s="223"/>
    </row>
    <row r="16" spans="1:17" ht="15" hidden="1" customHeight="1" x14ac:dyDescent="0.15">
      <c r="B16" s="142" t="s">
        <v>129</v>
      </c>
      <c r="C16" s="143"/>
      <c r="D16" s="147" t="s">
        <v>35</v>
      </c>
      <c r="E16" s="147" t="s">
        <v>35</v>
      </c>
      <c r="F16" s="147" t="s">
        <v>35</v>
      </c>
      <c r="G16" s="147">
        <v>106068</v>
      </c>
      <c r="H16" s="148"/>
      <c r="J16" s="221"/>
      <c r="K16" s="222"/>
      <c r="L16" s="223"/>
      <c r="M16" s="223"/>
      <c r="N16" s="223"/>
      <c r="O16" s="223"/>
      <c r="P16" s="223"/>
    </row>
    <row r="17" spans="2:16" ht="15" hidden="1" customHeight="1" x14ac:dyDescent="0.15">
      <c r="B17" s="142" t="s">
        <v>130</v>
      </c>
      <c r="C17" s="143"/>
      <c r="D17" s="147" t="s">
        <v>35</v>
      </c>
      <c r="E17" s="147" t="s">
        <v>35</v>
      </c>
      <c r="F17" s="147" t="s">
        <v>35</v>
      </c>
      <c r="G17" s="147" t="s">
        <v>209</v>
      </c>
      <c r="H17" s="148"/>
      <c r="J17" s="221"/>
      <c r="K17" s="222"/>
      <c r="L17" s="223"/>
      <c r="M17" s="223"/>
      <c r="N17" s="223"/>
      <c r="O17" s="223"/>
      <c r="P17" s="223"/>
    </row>
    <row r="18" spans="2:16" ht="15" hidden="1" customHeight="1" x14ac:dyDescent="0.15">
      <c r="B18" s="152" t="s">
        <v>131</v>
      </c>
      <c r="C18" s="200"/>
      <c r="D18" s="147" t="s">
        <v>35</v>
      </c>
      <c r="E18" s="147" t="s">
        <v>35</v>
      </c>
      <c r="F18" s="147" t="s">
        <v>35</v>
      </c>
      <c r="G18" s="147">
        <v>90125</v>
      </c>
      <c r="H18" s="148"/>
      <c r="J18" s="221"/>
      <c r="K18" s="222"/>
      <c r="L18" s="223"/>
      <c r="M18" s="223"/>
      <c r="N18" s="223"/>
      <c r="O18" s="223"/>
      <c r="P18" s="223"/>
    </row>
    <row r="19" spans="2:16" ht="15" customHeight="1" x14ac:dyDescent="0.15">
      <c r="B19" s="138" t="s">
        <v>133</v>
      </c>
      <c r="C19" s="139"/>
      <c r="D19" s="140"/>
      <c r="E19" s="140"/>
      <c r="F19" s="140"/>
      <c r="G19" s="140"/>
      <c r="H19" s="141"/>
      <c r="J19" s="224"/>
      <c r="L19" s="140"/>
      <c r="M19" s="140"/>
      <c r="N19" s="140"/>
      <c r="O19" s="140"/>
      <c r="P19" s="140"/>
    </row>
    <row r="20" spans="2:16" ht="15" customHeight="1" x14ac:dyDescent="0.15">
      <c r="B20" s="142" t="s">
        <v>185</v>
      </c>
      <c r="C20" s="143"/>
      <c r="D20" s="144" t="s">
        <v>35</v>
      </c>
      <c r="E20" s="144" t="s">
        <v>35</v>
      </c>
      <c r="F20" s="144">
        <v>550624</v>
      </c>
      <c r="G20" s="145">
        <v>607990</v>
      </c>
      <c r="H20" s="146">
        <v>696936</v>
      </c>
      <c r="J20" s="154"/>
      <c r="K20" s="143"/>
      <c r="L20" s="144"/>
      <c r="M20" s="144"/>
      <c r="N20" s="144"/>
      <c r="O20" s="145"/>
      <c r="P20" s="145"/>
    </row>
    <row r="21" spans="2:16" s="202" customFormat="1" ht="15" customHeight="1" x14ac:dyDescent="0.15">
      <c r="B21" s="203" t="s">
        <v>195</v>
      </c>
      <c r="C21" s="204"/>
      <c r="D21" s="205" t="s">
        <v>35</v>
      </c>
      <c r="E21" s="205" t="s">
        <v>35</v>
      </c>
      <c r="F21" s="205">
        <v>317780</v>
      </c>
      <c r="G21" s="206">
        <v>318084</v>
      </c>
      <c r="H21" s="207">
        <v>320403</v>
      </c>
      <c r="J21" s="225"/>
      <c r="K21" s="204"/>
      <c r="L21" s="205"/>
      <c r="M21" s="205"/>
      <c r="N21" s="205"/>
      <c r="O21" s="206"/>
      <c r="P21" s="206"/>
    </row>
    <row r="22" spans="2:16" ht="15" customHeight="1" x14ac:dyDescent="0.15">
      <c r="B22" s="142" t="s">
        <v>189</v>
      </c>
      <c r="C22" s="143"/>
      <c r="D22" s="144" t="s">
        <v>35</v>
      </c>
      <c r="E22" s="144" t="s">
        <v>35</v>
      </c>
      <c r="F22" s="144">
        <v>413639</v>
      </c>
      <c r="G22" s="145">
        <v>504566</v>
      </c>
      <c r="H22" s="146">
        <v>499094</v>
      </c>
      <c r="J22" s="154"/>
      <c r="K22" s="143"/>
      <c r="L22" s="144"/>
      <c r="M22" s="144"/>
      <c r="N22" s="144"/>
      <c r="O22" s="145"/>
      <c r="P22" s="145"/>
    </row>
    <row r="23" spans="2:16" ht="15" customHeight="1" x14ac:dyDescent="0.15">
      <c r="B23" s="142" t="s">
        <v>190</v>
      </c>
      <c r="C23" s="143"/>
      <c r="D23" s="144" t="s">
        <v>35</v>
      </c>
      <c r="E23" s="144" t="s">
        <v>35</v>
      </c>
      <c r="F23" s="144">
        <v>842010</v>
      </c>
      <c r="G23" s="145">
        <v>1086570</v>
      </c>
      <c r="H23" s="146">
        <v>959689</v>
      </c>
      <c r="J23" s="154"/>
      <c r="K23" s="143"/>
      <c r="L23" s="144"/>
      <c r="M23" s="144"/>
      <c r="N23" s="144"/>
      <c r="O23" s="145"/>
      <c r="P23" s="145"/>
    </row>
    <row r="24" spans="2:16" ht="15" customHeight="1" x14ac:dyDescent="0.15">
      <c r="B24" s="142" t="s">
        <v>129</v>
      </c>
      <c r="C24" s="143"/>
      <c r="D24" s="147" t="s">
        <v>35</v>
      </c>
      <c r="E24" s="147" t="s">
        <v>35</v>
      </c>
      <c r="F24" s="147">
        <v>2124054</v>
      </c>
      <c r="G24" s="147">
        <v>2517212</v>
      </c>
      <c r="H24" s="148">
        <v>2476124</v>
      </c>
      <c r="J24" s="154"/>
      <c r="K24" s="143"/>
      <c r="L24" s="145"/>
      <c r="M24" s="145"/>
      <c r="N24" s="145"/>
      <c r="O24" s="145"/>
      <c r="P24" s="145"/>
    </row>
    <row r="25" spans="2:16" ht="15" customHeight="1" x14ac:dyDescent="0.15">
      <c r="B25" s="142" t="s">
        <v>130</v>
      </c>
      <c r="C25" s="143"/>
      <c r="D25" s="147" t="s">
        <v>35</v>
      </c>
      <c r="E25" s="147" t="s">
        <v>35</v>
      </c>
      <c r="F25" s="147" t="s">
        <v>255</v>
      </c>
      <c r="G25" s="147" t="s">
        <v>249</v>
      </c>
      <c r="H25" s="148" t="s">
        <v>250</v>
      </c>
      <c r="J25" s="154"/>
      <c r="K25" s="143"/>
      <c r="L25" s="145"/>
      <c r="M25" s="145"/>
      <c r="N25" s="145"/>
      <c r="O25" s="145"/>
      <c r="P25" s="145"/>
    </row>
    <row r="26" spans="2:16" ht="15" customHeight="1" x14ac:dyDescent="0.15">
      <c r="B26" s="142" t="s">
        <v>131</v>
      </c>
      <c r="C26" s="143"/>
      <c r="D26" s="150" t="s">
        <v>35</v>
      </c>
      <c r="E26" s="150" t="s">
        <v>35</v>
      </c>
      <c r="F26" s="150">
        <v>2050639</v>
      </c>
      <c r="G26" s="150">
        <v>2427271</v>
      </c>
      <c r="H26" s="151">
        <v>2400072</v>
      </c>
      <c r="J26" s="154"/>
      <c r="K26" s="143"/>
      <c r="L26" s="145"/>
      <c r="M26" s="145"/>
      <c r="N26" s="145"/>
      <c r="O26" s="145"/>
      <c r="P26" s="145"/>
    </row>
    <row r="27" spans="2:16" ht="15" customHeight="1" x14ac:dyDescent="0.15">
      <c r="B27" s="138" t="s">
        <v>122</v>
      </c>
      <c r="C27" s="139"/>
      <c r="D27" s="140"/>
      <c r="E27" s="140"/>
      <c r="F27" s="140"/>
      <c r="G27" s="140"/>
      <c r="H27" s="141"/>
      <c r="J27" s="224"/>
      <c r="L27" s="140"/>
      <c r="M27" s="140"/>
      <c r="N27" s="140"/>
      <c r="O27" s="140"/>
      <c r="P27" s="140"/>
    </row>
    <row r="28" spans="2:16" ht="15" customHeight="1" x14ac:dyDescent="0.15">
      <c r="B28" s="142" t="s">
        <v>185</v>
      </c>
      <c r="C28" s="143"/>
      <c r="D28" s="144" t="s">
        <v>35</v>
      </c>
      <c r="E28" s="144" t="s">
        <v>35</v>
      </c>
      <c r="F28" s="144">
        <v>48421</v>
      </c>
      <c r="G28" s="145">
        <v>43723</v>
      </c>
      <c r="H28" s="146">
        <v>48018</v>
      </c>
      <c r="J28" s="154"/>
      <c r="K28" s="143"/>
      <c r="L28" s="144"/>
      <c r="M28" s="144"/>
      <c r="N28" s="144"/>
      <c r="O28" s="145"/>
      <c r="P28" s="145"/>
    </row>
    <row r="29" spans="2:16" ht="15" customHeight="1" x14ac:dyDescent="0.15">
      <c r="B29" s="142" t="s">
        <v>186</v>
      </c>
      <c r="C29" s="143"/>
      <c r="D29" s="145" t="s">
        <v>35</v>
      </c>
      <c r="E29" s="145" t="s">
        <v>35</v>
      </c>
      <c r="F29" s="145">
        <v>22536</v>
      </c>
      <c r="G29" s="145">
        <v>21969</v>
      </c>
      <c r="H29" s="146">
        <v>21699</v>
      </c>
      <c r="J29" s="154"/>
      <c r="K29" s="143"/>
      <c r="L29" s="145"/>
      <c r="M29" s="145"/>
      <c r="N29" s="145"/>
      <c r="O29" s="145"/>
      <c r="P29" s="145"/>
    </row>
    <row r="30" spans="2:16" ht="15" customHeight="1" x14ac:dyDescent="0.15">
      <c r="B30" s="142" t="s">
        <v>189</v>
      </c>
      <c r="C30" s="143"/>
      <c r="D30" s="144" t="s">
        <v>35</v>
      </c>
      <c r="E30" s="144" t="s">
        <v>35</v>
      </c>
      <c r="F30" s="144">
        <v>8055</v>
      </c>
      <c r="G30" s="145">
        <v>3332</v>
      </c>
      <c r="H30" s="146">
        <v>2894</v>
      </c>
      <c r="J30" s="154"/>
      <c r="K30" s="143"/>
      <c r="L30" s="144"/>
      <c r="M30" s="144"/>
      <c r="N30" s="144"/>
      <c r="O30" s="145"/>
      <c r="P30" s="145"/>
    </row>
    <row r="31" spans="2:16" ht="15" customHeight="1" x14ac:dyDescent="0.15">
      <c r="B31" s="142" t="s">
        <v>190</v>
      </c>
      <c r="C31" s="143"/>
      <c r="D31" s="144" t="s">
        <v>35</v>
      </c>
      <c r="E31" s="144" t="s">
        <v>35</v>
      </c>
      <c r="F31" s="144">
        <v>3552</v>
      </c>
      <c r="G31" s="145">
        <v>37041</v>
      </c>
      <c r="H31" s="146">
        <v>27066</v>
      </c>
      <c r="J31" s="154"/>
      <c r="K31" s="143"/>
      <c r="L31" s="144"/>
      <c r="M31" s="144"/>
      <c r="N31" s="144"/>
      <c r="O31" s="145"/>
      <c r="P31" s="145"/>
    </row>
    <row r="32" spans="2:16" ht="15" customHeight="1" x14ac:dyDescent="0.15">
      <c r="B32" s="142" t="s">
        <v>129</v>
      </c>
      <c r="C32" s="143"/>
      <c r="D32" s="147" t="s">
        <v>35</v>
      </c>
      <c r="E32" s="147" t="s">
        <v>35</v>
      </c>
      <c r="F32" s="147">
        <v>82564</v>
      </c>
      <c r="G32" s="147">
        <v>106068</v>
      </c>
      <c r="H32" s="148">
        <v>99678</v>
      </c>
      <c r="J32" s="154"/>
      <c r="K32" s="143"/>
      <c r="L32" s="145"/>
      <c r="M32" s="145"/>
      <c r="N32" s="145"/>
      <c r="O32" s="145"/>
      <c r="P32" s="145"/>
    </row>
    <row r="33" spans="2:16" ht="15" customHeight="1" x14ac:dyDescent="0.15">
      <c r="B33" s="142" t="s">
        <v>130</v>
      </c>
      <c r="C33" s="143"/>
      <c r="D33" s="147" t="s">
        <v>35</v>
      </c>
      <c r="E33" s="147" t="s">
        <v>35</v>
      </c>
      <c r="F33" s="147" t="s">
        <v>251</v>
      </c>
      <c r="G33" s="147" t="s">
        <v>252</v>
      </c>
      <c r="H33" s="148" t="s">
        <v>253</v>
      </c>
      <c r="J33" s="154"/>
      <c r="K33" s="143"/>
      <c r="L33" s="145"/>
      <c r="M33" s="145"/>
      <c r="N33" s="145"/>
      <c r="O33" s="145"/>
      <c r="P33" s="145"/>
    </row>
    <row r="34" spans="2:16" ht="15" customHeight="1" x14ac:dyDescent="0.15">
      <c r="B34" s="152" t="s">
        <v>131</v>
      </c>
      <c r="C34" s="200"/>
      <c r="D34" s="147" t="s">
        <v>35</v>
      </c>
      <c r="E34" s="147" t="s">
        <v>35</v>
      </c>
      <c r="F34" s="147">
        <v>62454</v>
      </c>
      <c r="G34" s="147">
        <v>90125</v>
      </c>
      <c r="H34" s="148">
        <v>84140</v>
      </c>
      <c r="J34" s="154"/>
      <c r="K34" s="143"/>
      <c r="L34" s="145"/>
      <c r="M34" s="145"/>
      <c r="N34" s="145"/>
      <c r="O34" s="145"/>
      <c r="P34" s="145"/>
    </row>
    <row r="35" spans="2:16" ht="12.75" customHeight="1" x14ac:dyDescent="0.15">
      <c r="B35" s="153"/>
      <c r="E35" s="130"/>
      <c r="F35" s="130"/>
      <c r="G35" s="130"/>
      <c r="H35" s="130"/>
      <c r="J35" s="226"/>
      <c r="M35" s="220"/>
      <c r="N35" s="220"/>
      <c r="O35" s="220"/>
      <c r="P35" s="220"/>
    </row>
    <row r="36" spans="2:16" ht="15" customHeight="1" x14ac:dyDescent="0.15">
      <c r="B36" s="134"/>
      <c r="C36" s="135"/>
      <c r="D36" s="136" t="s">
        <v>205</v>
      </c>
      <c r="E36" s="136" t="s">
        <v>206</v>
      </c>
      <c r="F36" s="136" t="s">
        <v>188</v>
      </c>
      <c r="G36" s="136" t="s">
        <v>207</v>
      </c>
      <c r="H36" s="137" t="s">
        <v>204</v>
      </c>
      <c r="J36" s="221"/>
      <c r="K36" s="222"/>
      <c r="L36" s="223"/>
      <c r="M36" s="223"/>
      <c r="N36" s="223"/>
      <c r="O36" s="223"/>
      <c r="P36" s="223"/>
    </row>
    <row r="37" spans="2:16" ht="15" customHeight="1" x14ac:dyDescent="0.15">
      <c r="B37" s="138" t="s">
        <v>200</v>
      </c>
      <c r="C37" s="139"/>
      <c r="D37" s="140"/>
      <c r="E37" s="140"/>
      <c r="F37" s="140"/>
      <c r="G37" s="140"/>
      <c r="H37" s="141"/>
      <c r="J37" s="224"/>
      <c r="L37" s="140"/>
      <c r="M37" s="140"/>
      <c r="N37" s="140"/>
      <c r="O37" s="140"/>
      <c r="P37" s="140"/>
    </row>
    <row r="38" spans="2:16" ht="15" customHeight="1" x14ac:dyDescent="0.15">
      <c r="B38" s="142" t="s">
        <v>173</v>
      </c>
      <c r="C38" s="143"/>
      <c r="D38" s="144" t="s">
        <v>35</v>
      </c>
      <c r="E38" s="144">
        <v>197407</v>
      </c>
      <c r="F38" s="145">
        <v>164777</v>
      </c>
      <c r="G38" s="145" t="s">
        <v>35</v>
      </c>
      <c r="H38" s="146" t="s">
        <v>35</v>
      </c>
      <c r="J38" s="154"/>
      <c r="K38" s="143"/>
      <c r="L38" s="144"/>
      <c r="M38" s="144"/>
      <c r="N38" s="145"/>
      <c r="O38" s="145"/>
      <c r="P38" s="145"/>
    </row>
    <row r="39" spans="2:16" ht="15" customHeight="1" x14ac:dyDescent="0.15">
      <c r="B39" s="142" t="s">
        <v>180</v>
      </c>
      <c r="C39" s="143"/>
      <c r="D39" s="145" t="s">
        <v>35</v>
      </c>
      <c r="E39" s="145">
        <v>298201</v>
      </c>
      <c r="F39" s="145">
        <v>282177</v>
      </c>
      <c r="G39" s="145" t="s">
        <v>35</v>
      </c>
      <c r="H39" s="146" t="s">
        <v>35</v>
      </c>
      <c r="J39" s="154"/>
      <c r="K39" s="143"/>
      <c r="L39" s="145"/>
      <c r="M39" s="145"/>
      <c r="N39" s="145"/>
      <c r="O39" s="145"/>
      <c r="P39" s="145"/>
    </row>
    <row r="40" spans="2:16" ht="15" customHeight="1" x14ac:dyDescent="0.15">
      <c r="B40" s="142" t="s">
        <v>147</v>
      </c>
      <c r="C40" s="143"/>
      <c r="D40" s="144" t="s">
        <v>35</v>
      </c>
      <c r="E40" s="144">
        <v>355196</v>
      </c>
      <c r="F40" s="145">
        <v>317780</v>
      </c>
      <c r="G40" s="145" t="s">
        <v>35</v>
      </c>
      <c r="H40" s="146" t="s">
        <v>35</v>
      </c>
      <c r="J40" s="154"/>
      <c r="K40" s="143"/>
      <c r="L40" s="144"/>
      <c r="M40" s="144"/>
      <c r="N40" s="145"/>
      <c r="O40" s="145"/>
      <c r="P40" s="145"/>
    </row>
    <row r="41" spans="2:16" ht="15" customHeight="1" x14ac:dyDescent="0.15">
      <c r="B41" s="142" t="s">
        <v>176</v>
      </c>
      <c r="C41" s="143"/>
      <c r="D41" s="144" t="s">
        <v>35</v>
      </c>
      <c r="E41" s="144">
        <v>245041</v>
      </c>
      <c r="F41" s="145">
        <v>204738</v>
      </c>
      <c r="G41" s="145" t="s">
        <v>35</v>
      </c>
      <c r="H41" s="146" t="s">
        <v>35</v>
      </c>
      <c r="J41" s="154"/>
      <c r="K41" s="143"/>
      <c r="L41" s="144"/>
      <c r="M41" s="144"/>
      <c r="N41" s="145"/>
      <c r="O41" s="145"/>
      <c r="P41" s="145"/>
    </row>
    <row r="42" spans="2:16" ht="15" customHeight="1" x14ac:dyDescent="0.15">
      <c r="B42" s="142" t="s">
        <v>145</v>
      </c>
      <c r="C42" s="143"/>
      <c r="D42" s="144" t="s">
        <v>35</v>
      </c>
      <c r="E42" s="144">
        <v>244988</v>
      </c>
      <c r="F42" s="145">
        <v>208900</v>
      </c>
      <c r="G42" s="145" t="s">
        <v>35</v>
      </c>
      <c r="H42" s="146" t="s">
        <v>35</v>
      </c>
      <c r="J42" s="154"/>
      <c r="K42" s="143"/>
      <c r="L42" s="144"/>
      <c r="M42" s="144"/>
      <c r="N42" s="145"/>
      <c r="O42" s="145"/>
      <c r="P42" s="145"/>
    </row>
    <row r="43" spans="2:16" ht="15" customHeight="1" x14ac:dyDescent="0.15">
      <c r="B43" s="142" t="s">
        <v>141</v>
      </c>
      <c r="C43" s="143"/>
      <c r="D43" s="144" t="s">
        <v>35</v>
      </c>
      <c r="E43" s="144">
        <v>156834</v>
      </c>
      <c r="F43" s="145">
        <v>103669</v>
      </c>
      <c r="G43" s="145" t="s">
        <v>35</v>
      </c>
      <c r="H43" s="146" t="s">
        <v>35</v>
      </c>
      <c r="J43" s="154"/>
      <c r="K43" s="143"/>
      <c r="L43" s="144"/>
      <c r="M43" s="144"/>
      <c r="N43" s="145"/>
      <c r="O43" s="145"/>
      <c r="P43" s="145"/>
    </row>
    <row r="44" spans="2:16" ht="15" customHeight="1" x14ac:dyDescent="0.15">
      <c r="B44" s="142" t="s">
        <v>146</v>
      </c>
      <c r="C44" s="143"/>
      <c r="D44" s="145" t="s">
        <v>35</v>
      </c>
      <c r="E44" s="145">
        <v>1086673</v>
      </c>
      <c r="F44" s="145">
        <v>842010</v>
      </c>
      <c r="G44" s="145" t="s">
        <v>35</v>
      </c>
      <c r="H44" s="146" t="s">
        <v>35</v>
      </c>
      <c r="J44" s="154"/>
      <c r="K44" s="143"/>
      <c r="L44" s="145"/>
      <c r="M44" s="145"/>
      <c r="N44" s="145"/>
      <c r="O44" s="145"/>
      <c r="P44" s="145"/>
    </row>
    <row r="45" spans="2:16" ht="15" customHeight="1" x14ac:dyDescent="0.15">
      <c r="B45" s="142" t="s">
        <v>129</v>
      </c>
      <c r="C45" s="143"/>
      <c r="D45" s="147" t="s">
        <v>35</v>
      </c>
      <c r="E45" s="147">
        <v>2584340</v>
      </c>
      <c r="F45" s="147">
        <v>2124054</v>
      </c>
      <c r="G45" s="147" t="s">
        <v>35</v>
      </c>
      <c r="H45" s="148" t="s">
        <v>35</v>
      </c>
      <c r="J45" s="154"/>
      <c r="K45" s="143"/>
      <c r="L45" s="145"/>
      <c r="M45" s="145"/>
      <c r="N45" s="145"/>
      <c r="O45" s="145"/>
      <c r="P45" s="145"/>
    </row>
    <row r="46" spans="2:16" ht="15" customHeight="1" x14ac:dyDescent="0.15">
      <c r="B46" s="142" t="s">
        <v>130</v>
      </c>
      <c r="C46" s="143"/>
      <c r="D46" s="147" t="s">
        <v>35</v>
      </c>
      <c r="E46" s="147" t="s">
        <v>254</v>
      </c>
      <c r="F46" s="147" t="s">
        <v>255</v>
      </c>
      <c r="G46" s="147" t="s">
        <v>35</v>
      </c>
      <c r="H46" s="148" t="s">
        <v>35</v>
      </c>
      <c r="J46" s="154"/>
      <c r="K46" s="143"/>
      <c r="L46" s="145"/>
      <c r="M46" s="145"/>
      <c r="N46" s="145"/>
      <c r="O46" s="145"/>
      <c r="P46" s="145"/>
    </row>
    <row r="47" spans="2:16" ht="15" customHeight="1" x14ac:dyDescent="0.15">
      <c r="B47" s="142" t="s">
        <v>131</v>
      </c>
      <c r="C47" s="143"/>
      <c r="D47" s="150" t="s">
        <v>35</v>
      </c>
      <c r="E47" s="150">
        <v>2461589</v>
      </c>
      <c r="F47" s="150">
        <v>2050639</v>
      </c>
      <c r="G47" s="150" t="s">
        <v>35</v>
      </c>
      <c r="H47" s="151" t="s">
        <v>35</v>
      </c>
      <c r="J47" s="154"/>
      <c r="K47" s="143"/>
      <c r="L47" s="145"/>
      <c r="M47" s="145"/>
      <c r="N47" s="145"/>
      <c r="O47" s="145"/>
      <c r="P47" s="145"/>
    </row>
    <row r="48" spans="2:16" ht="15" customHeight="1" x14ac:dyDescent="0.15">
      <c r="B48" s="138" t="s">
        <v>201</v>
      </c>
      <c r="C48" s="139"/>
      <c r="D48" s="140"/>
      <c r="E48" s="140"/>
      <c r="F48" s="140"/>
      <c r="G48" s="140"/>
      <c r="H48" s="141"/>
      <c r="J48" s="224"/>
      <c r="L48" s="140"/>
      <c r="M48" s="140"/>
      <c r="N48" s="140"/>
      <c r="O48" s="140"/>
      <c r="P48" s="140"/>
    </row>
    <row r="49" spans="2:16" ht="15" customHeight="1" x14ac:dyDescent="0.15">
      <c r="B49" s="142" t="s">
        <v>173</v>
      </c>
      <c r="C49" s="143"/>
      <c r="D49" s="144" t="s">
        <v>35</v>
      </c>
      <c r="E49" s="144">
        <v>14505</v>
      </c>
      <c r="F49" s="145">
        <v>16303</v>
      </c>
      <c r="G49" s="145" t="s">
        <v>35</v>
      </c>
      <c r="H49" s="146" t="s">
        <v>35</v>
      </c>
      <c r="J49" s="154"/>
      <c r="K49" s="143"/>
      <c r="L49" s="144"/>
      <c r="M49" s="144"/>
      <c r="N49" s="145"/>
      <c r="O49" s="145"/>
      <c r="P49" s="145"/>
    </row>
    <row r="50" spans="2:16" ht="15" customHeight="1" x14ac:dyDescent="0.15">
      <c r="B50" s="142" t="s">
        <v>180</v>
      </c>
      <c r="C50" s="143"/>
      <c r="D50" s="145" t="s">
        <v>35</v>
      </c>
      <c r="E50" s="145">
        <v>11750</v>
      </c>
      <c r="F50" s="145">
        <v>29907</v>
      </c>
      <c r="G50" s="145" t="s">
        <v>35</v>
      </c>
      <c r="H50" s="146" t="s">
        <v>35</v>
      </c>
      <c r="J50" s="154"/>
      <c r="K50" s="143"/>
      <c r="L50" s="145"/>
      <c r="M50" s="145"/>
      <c r="N50" s="145"/>
      <c r="O50" s="145"/>
      <c r="P50" s="145"/>
    </row>
    <row r="51" spans="2:16" ht="15" customHeight="1" x14ac:dyDescent="0.15">
      <c r="B51" s="142" t="s">
        <v>147</v>
      </c>
      <c r="C51" s="143"/>
      <c r="D51" s="144" t="s">
        <v>35</v>
      </c>
      <c r="E51" s="144">
        <v>35814</v>
      </c>
      <c r="F51" s="145">
        <v>22536</v>
      </c>
      <c r="G51" s="145" t="s">
        <v>35</v>
      </c>
      <c r="H51" s="146" t="s">
        <v>35</v>
      </c>
      <c r="J51" s="154"/>
      <c r="K51" s="143"/>
      <c r="L51" s="144"/>
      <c r="M51" s="144"/>
      <c r="N51" s="145"/>
      <c r="O51" s="145"/>
      <c r="P51" s="145"/>
    </row>
    <row r="52" spans="2:16" ht="15" customHeight="1" x14ac:dyDescent="0.15">
      <c r="B52" s="142" t="s">
        <v>176</v>
      </c>
      <c r="C52" s="143"/>
      <c r="D52" s="144" t="s">
        <v>35</v>
      </c>
      <c r="E52" s="144">
        <v>9110</v>
      </c>
      <c r="F52" s="145">
        <v>1307</v>
      </c>
      <c r="G52" s="145" t="s">
        <v>35</v>
      </c>
      <c r="H52" s="146" t="s">
        <v>35</v>
      </c>
      <c r="J52" s="154"/>
      <c r="K52" s="143"/>
      <c r="L52" s="144"/>
      <c r="M52" s="144"/>
      <c r="N52" s="145"/>
      <c r="O52" s="145"/>
      <c r="P52" s="145"/>
    </row>
    <row r="53" spans="2:16" ht="15" customHeight="1" x14ac:dyDescent="0.15">
      <c r="B53" s="142" t="s">
        <v>145</v>
      </c>
      <c r="C53" s="143"/>
      <c r="D53" s="144" t="s">
        <v>35</v>
      </c>
      <c r="E53" s="144" t="s">
        <v>256</v>
      </c>
      <c r="F53" s="145">
        <v>6747</v>
      </c>
      <c r="G53" s="145" t="s">
        <v>35</v>
      </c>
      <c r="H53" s="146" t="s">
        <v>35</v>
      </c>
      <c r="J53" s="154"/>
      <c r="K53" s="143"/>
      <c r="L53" s="144"/>
      <c r="M53" s="144"/>
      <c r="N53" s="145"/>
      <c r="O53" s="145"/>
      <c r="P53" s="145"/>
    </row>
    <row r="54" spans="2:16" ht="15" customHeight="1" x14ac:dyDescent="0.15">
      <c r="B54" s="142" t="s">
        <v>141</v>
      </c>
      <c r="C54" s="143"/>
      <c r="D54" s="144" t="s">
        <v>35</v>
      </c>
      <c r="E54" s="144" t="s">
        <v>257</v>
      </c>
      <c r="F54" s="145">
        <v>2209</v>
      </c>
      <c r="G54" s="145" t="s">
        <v>35</v>
      </c>
      <c r="H54" s="146" t="s">
        <v>35</v>
      </c>
      <c r="J54" s="154"/>
      <c r="K54" s="143"/>
      <c r="L54" s="144"/>
      <c r="M54" s="144"/>
      <c r="N54" s="145"/>
      <c r="O54" s="145"/>
      <c r="P54" s="145"/>
    </row>
    <row r="55" spans="2:16" ht="15" customHeight="1" x14ac:dyDescent="0.15">
      <c r="B55" s="142" t="s">
        <v>146</v>
      </c>
      <c r="C55" s="143"/>
      <c r="D55" s="145" t="s">
        <v>35</v>
      </c>
      <c r="E55" s="145" t="s">
        <v>258</v>
      </c>
      <c r="F55" s="145">
        <v>3552</v>
      </c>
      <c r="G55" s="145" t="s">
        <v>35</v>
      </c>
      <c r="H55" s="146" t="s">
        <v>35</v>
      </c>
      <c r="J55" s="154"/>
      <c r="K55" s="143"/>
      <c r="L55" s="145"/>
      <c r="M55" s="145"/>
      <c r="N55" s="145"/>
      <c r="O55" s="145"/>
      <c r="P55" s="145"/>
    </row>
    <row r="56" spans="2:16" ht="15" customHeight="1" x14ac:dyDescent="0.15">
      <c r="B56" s="142" t="s">
        <v>129</v>
      </c>
      <c r="C56" s="143"/>
      <c r="D56" s="147" t="s">
        <v>35</v>
      </c>
      <c r="E56" s="147" t="s">
        <v>259</v>
      </c>
      <c r="F56" s="147">
        <v>82564</v>
      </c>
      <c r="G56" s="147" t="s">
        <v>35</v>
      </c>
      <c r="H56" s="148" t="s">
        <v>35</v>
      </c>
      <c r="J56" s="154"/>
      <c r="K56" s="143"/>
      <c r="L56" s="145"/>
      <c r="M56" s="145"/>
      <c r="N56" s="145"/>
      <c r="O56" s="145"/>
      <c r="P56" s="145"/>
    </row>
    <row r="57" spans="2:16" ht="15" customHeight="1" x14ac:dyDescent="0.15">
      <c r="B57" s="142" t="s">
        <v>130</v>
      </c>
      <c r="C57" s="143"/>
      <c r="D57" s="147" t="s">
        <v>35</v>
      </c>
      <c r="E57" s="147" t="s">
        <v>260</v>
      </c>
      <c r="F57" s="147" t="s">
        <v>251</v>
      </c>
      <c r="G57" s="147" t="s">
        <v>35</v>
      </c>
      <c r="H57" s="148" t="s">
        <v>35</v>
      </c>
      <c r="J57" s="154"/>
      <c r="K57" s="143"/>
      <c r="L57" s="145"/>
      <c r="M57" s="145"/>
      <c r="N57" s="145"/>
      <c r="O57" s="145"/>
      <c r="P57" s="145"/>
    </row>
    <row r="58" spans="2:16" ht="15" customHeight="1" x14ac:dyDescent="0.15">
      <c r="B58" s="152" t="s">
        <v>131</v>
      </c>
      <c r="C58" s="200"/>
      <c r="D58" s="147" t="s">
        <v>35</v>
      </c>
      <c r="E58" s="147" t="s">
        <v>217</v>
      </c>
      <c r="F58" s="147">
        <v>62454</v>
      </c>
      <c r="G58" s="147" t="s">
        <v>35</v>
      </c>
      <c r="H58" s="148" t="s">
        <v>35</v>
      </c>
      <c r="J58" s="154"/>
      <c r="K58" s="143"/>
      <c r="L58" s="145"/>
      <c r="M58" s="145"/>
      <c r="N58" s="145"/>
      <c r="O58" s="145"/>
      <c r="P58" s="145"/>
    </row>
    <row r="59" spans="2:16" ht="15" customHeight="1" x14ac:dyDescent="0.15">
      <c r="B59" s="154"/>
      <c r="C59" s="143"/>
      <c r="D59" s="145"/>
      <c r="E59" s="155"/>
      <c r="F59" s="155"/>
      <c r="G59" s="155"/>
      <c r="H59" s="155"/>
      <c r="J59" s="154"/>
      <c r="K59" s="143"/>
      <c r="L59" s="145"/>
      <c r="M59" s="155"/>
      <c r="N59" s="155"/>
      <c r="O59" s="155"/>
      <c r="P59" s="155"/>
    </row>
    <row r="60" spans="2:16" ht="15" customHeight="1" x14ac:dyDescent="0.15">
      <c r="B60" s="134"/>
      <c r="C60" s="135"/>
      <c r="D60" s="136" t="s">
        <v>205</v>
      </c>
      <c r="E60" s="136" t="s">
        <v>206</v>
      </c>
      <c r="F60" s="136" t="s">
        <v>188</v>
      </c>
      <c r="G60" s="136" t="s">
        <v>207</v>
      </c>
      <c r="H60" s="137" t="s">
        <v>204</v>
      </c>
      <c r="J60" s="221"/>
      <c r="K60" s="222"/>
      <c r="L60" s="223"/>
      <c r="M60" s="223"/>
      <c r="N60" s="223"/>
      <c r="O60" s="223"/>
      <c r="P60" s="223"/>
    </row>
    <row r="61" spans="2:16" ht="15" customHeight="1" x14ac:dyDescent="0.15">
      <c r="B61" s="138" t="s">
        <v>127</v>
      </c>
      <c r="C61" s="139"/>
      <c r="D61" s="140"/>
      <c r="E61" s="140"/>
      <c r="F61" s="140"/>
      <c r="G61" s="140"/>
      <c r="H61" s="141"/>
      <c r="J61" s="224"/>
      <c r="L61" s="140"/>
      <c r="M61" s="140"/>
      <c r="N61" s="140"/>
      <c r="O61" s="140"/>
      <c r="P61" s="140"/>
    </row>
    <row r="62" spans="2:16" ht="15" customHeight="1" x14ac:dyDescent="0.15">
      <c r="B62" s="142" t="s">
        <v>144</v>
      </c>
      <c r="C62" s="143"/>
      <c r="D62" s="144">
        <v>982793</v>
      </c>
      <c r="E62" s="145">
        <v>810733</v>
      </c>
      <c r="F62" s="145" t="s">
        <v>35</v>
      </c>
      <c r="G62" s="145" t="s">
        <v>35</v>
      </c>
      <c r="H62" s="146" t="s">
        <v>112</v>
      </c>
      <c r="J62" s="154"/>
      <c r="K62" s="143"/>
      <c r="L62" s="144"/>
      <c r="M62" s="145"/>
      <c r="N62" s="145"/>
      <c r="O62" s="145"/>
      <c r="P62" s="145"/>
    </row>
    <row r="63" spans="2:16" ht="15" customHeight="1" x14ac:dyDescent="0.15">
      <c r="B63" s="142" t="s">
        <v>141</v>
      </c>
      <c r="C63" s="143"/>
      <c r="D63" s="145">
        <v>270876</v>
      </c>
      <c r="E63" s="145">
        <v>156834</v>
      </c>
      <c r="F63" s="145" t="s">
        <v>35</v>
      </c>
      <c r="G63" s="145" t="s">
        <v>35</v>
      </c>
      <c r="H63" s="146" t="s">
        <v>112</v>
      </c>
      <c r="J63" s="154"/>
      <c r="K63" s="143"/>
      <c r="L63" s="145"/>
      <c r="M63" s="145"/>
      <c r="N63" s="145"/>
      <c r="O63" s="145"/>
      <c r="P63" s="145"/>
    </row>
    <row r="64" spans="2:16" ht="15" customHeight="1" x14ac:dyDescent="0.15">
      <c r="B64" s="142" t="s">
        <v>147</v>
      </c>
      <c r="C64" s="143"/>
      <c r="D64" s="144">
        <v>343333</v>
      </c>
      <c r="E64" s="145">
        <v>355196</v>
      </c>
      <c r="F64" s="145" t="s">
        <v>35</v>
      </c>
      <c r="G64" s="145" t="s">
        <v>35</v>
      </c>
      <c r="H64" s="146" t="s">
        <v>112</v>
      </c>
      <c r="J64" s="154"/>
      <c r="K64" s="143"/>
      <c r="L64" s="144"/>
      <c r="M64" s="145"/>
      <c r="N64" s="145"/>
      <c r="O64" s="145"/>
      <c r="P64" s="145"/>
    </row>
    <row r="65" spans="2:16" ht="15" customHeight="1" x14ac:dyDescent="0.15">
      <c r="B65" s="142" t="s">
        <v>145</v>
      </c>
      <c r="C65" s="143"/>
      <c r="D65" s="144">
        <v>466637</v>
      </c>
      <c r="E65" s="145">
        <v>490029</v>
      </c>
      <c r="F65" s="145" t="s">
        <v>35</v>
      </c>
      <c r="G65" s="145" t="s">
        <v>35</v>
      </c>
      <c r="H65" s="146" t="s">
        <v>112</v>
      </c>
      <c r="J65" s="154"/>
      <c r="K65" s="143"/>
      <c r="L65" s="144"/>
      <c r="M65" s="145"/>
      <c r="N65" s="145"/>
      <c r="O65" s="145"/>
      <c r="P65" s="145"/>
    </row>
    <row r="66" spans="2:16" ht="15" customHeight="1" x14ac:dyDescent="0.15">
      <c r="B66" s="142" t="s">
        <v>146</v>
      </c>
      <c r="C66" s="143"/>
      <c r="D66" s="145">
        <v>907143</v>
      </c>
      <c r="E66" s="145">
        <v>771548</v>
      </c>
      <c r="F66" s="145" t="s">
        <v>35</v>
      </c>
      <c r="G66" s="145" t="s">
        <v>35</v>
      </c>
      <c r="H66" s="146" t="s">
        <v>112</v>
      </c>
      <c r="J66" s="154"/>
      <c r="K66" s="143"/>
      <c r="L66" s="145"/>
      <c r="M66" s="145"/>
      <c r="N66" s="145"/>
      <c r="O66" s="145"/>
      <c r="P66" s="145"/>
    </row>
    <row r="67" spans="2:16" ht="15" customHeight="1" x14ac:dyDescent="0.15">
      <c r="B67" s="142" t="s">
        <v>129</v>
      </c>
      <c r="C67" s="143"/>
      <c r="D67" s="147">
        <v>2970782</v>
      </c>
      <c r="E67" s="147">
        <v>2584340</v>
      </c>
      <c r="F67" s="147" t="s">
        <v>35</v>
      </c>
      <c r="G67" s="147" t="s">
        <v>35</v>
      </c>
      <c r="H67" s="148" t="s">
        <v>112</v>
      </c>
      <c r="J67" s="154"/>
      <c r="K67" s="143"/>
      <c r="L67" s="145"/>
      <c r="M67" s="145"/>
      <c r="N67" s="145"/>
      <c r="O67" s="145"/>
      <c r="P67" s="145"/>
    </row>
    <row r="68" spans="2:16" ht="15" customHeight="1" x14ac:dyDescent="0.15">
      <c r="B68" s="142" t="s">
        <v>130</v>
      </c>
      <c r="C68" s="143"/>
      <c r="D68" s="147" t="s">
        <v>261</v>
      </c>
      <c r="E68" s="147" t="s">
        <v>254</v>
      </c>
      <c r="F68" s="147" t="s">
        <v>35</v>
      </c>
      <c r="G68" s="147" t="s">
        <v>35</v>
      </c>
      <c r="H68" s="148" t="s">
        <v>112</v>
      </c>
      <c r="J68" s="154"/>
      <c r="K68" s="143"/>
      <c r="L68" s="145"/>
      <c r="M68" s="145"/>
      <c r="N68" s="145"/>
      <c r="O68" s="145"/>
      <c r="P68" s="145"/>
    </row>
    <row r="69" spans="2:16" ht="15" customHeight="1" x14ac:dyDescent="0.15">
      <c r="B69" s="142" t="s">
        <v>131</v>
      </c>
      <c r="C69" s="143"/>
      <c r="D69" s="149">
        <v>2786256</v>
      </c>
      <c r="E69" s="149">
        <v>2461589</v>
      </c>
      <c r="F69" s="149" t="s">
        <v>35</v>
      </c>
      <c r="G69" s="149" t="s">
        <v>35</v>
      </c>
      <c r="H69" s="151" t="s">
        <v>112</v>
      </c>
      <c r="J69" s="154"/>
      <c r="K69" s="143"/>
      <c r="L69" s="145"/>
      <c r="M69" s="145"/>
      <c r="N69" s="145"/>
      <c r="O69" s="145"/>
      <c r="P69" s="145"/>
    </row>
    <row r="70" spans="2:16" ht="15" customHeight="1" x14ac:dyDescent="0.15">
      <c r="B70" s="138" t="s">
        <v>123</v>
      </c>
      <c r="C70" s="139"/>
      <c r="D70" s="140"/>
      <c r="E70" s="140"/>
      <c r="F70" s="140"/>
      <c r="G70" s="140"/>
      <c r="H70" s="141"/>
      <c r="J70" s="224"/>
      <c r="L70" s="140"/>
      <c r="M70" s="140"/>
      <c r="N70" s="140"/>
      <c r="O70" s="140"/>
      <c r="P70" s="140"/>
    </row>
    <row r="71" spans="2:16" ht="15" customHeight="1" x14ac:dyDescent="0.15">
      <c r="B71" s="142" t="s">
        <v>144</v>
      </c>
      <c r="C71" s="143"/>
      <c r="D71" s="144">
        <v>19083</v>
      </c>
      <c r="E71" s="145" t="s">
        <v>262</v>
      </c>
      <c r="F71" s="145" t="s">
        <v>35</v>
      </c>
      <c r="G71" s="145" t="s">
        <v>35</v>
      </c>
      <c r="H71" s="146" t="s">
        <v>112</v>
      </c>
      <c r="J71" s="154"/>
      <c r="K71" s="143"/>
      <c r="L71" s="144"/>
      <c r="M71" s="145"/>
      <c r="N71" s="145"/>
      <c r="O71" s="145"/>
      <c r="P71" s="145"/>
    </row>
    <row r="72" spans="2:16" ht="15" customHeight="1" x14ac:dyDescent="0.15">
      <c r="B72" s="142" t="s">
        <v>141</v>
      </c>
      <c r="C72" s="143"/>
      <c r="D72" s="145" t="s">
        <v>263</v>
      </c>
      <c r="E72" s="145" t="s">
        <v>257</v>
      </c>
      <c r="F72" s="145" t="s">
        <v>35</v>
      </c>
      <c r="G72" s="145" t="s">
        <v>35</v>
      </c>
      <c r="H72" s="146" t="s">
        <v>112</v>
      </c>
      <c r="J72" s="154"/>
      <c r="K72" s="143"/>
      <c r="L72" s="145"/>
      <c r="M72" s="145"/>
      <c r="N72" s="145"/>
      <c r="O72" s="145"/>
      <c r="P72" s="145"/>
    </row>
    <row r="73" spans="2:16" ht="15" customHeight="1" x14ac:dyDescent="0.15">
      <c r="B73" s="142" t="s">
        <v>147</v>
      </c>
      <c r="C73" s="143"/>
      <c r="D73" s="144">
        <v>31301</v>
      </c>
      <c r="E73" s="145">
        <v>35814</v>
      </c>
      <c r="F73" s="145" t="s">
        <v>35</v>
      </c>
      <c r="G73" s="145" t="s">
        <v>35</v>
      </c>
      <c r="H73" s="146" t="s">
        <v>112</v>
      </c>
      <c r="J73" s="154"/>
      <c r="K73" s="143"/>
      <c r="L73" s="144"/>
      <c r="M73" s="145"/>
      <c r="N73" s="145"/>
      <c r="O73" s="145"/>
      <c r="P73" s="145"/>
    </row>
    <row r="74" spans="2:16" ht="15" customHeight="1" x14ac:dyDescent="0.15">
      <c r="B74" s="142" t="s">
        <v>145</v>
      </c>
      <c r="C74" s="143"/>
      <c r="D74" s="144">
        <v>676</v>
      </c>
      <c r="E74" s="145">
        <v>1491</v>
      </c>
      <c r="F74" s="145" t="s">
        <v>35</v>
      </c>
      <c r="G74" s="145" t="s">
        <v>35</v>
      </c>
      <c r="H74" s="146" t="s">
        <v>112</v>
      </c>
      <c r="J74" s="154"/>
      <c r="K74" s="143"/>
      <c r="L74" s="144"/>
      <c r="M74" s="145"/>
      <c r="N74" s="145"/>
      <c r="O74" s="145"/>
      <c r="P74" s="145"/>
    </row>
    <row r="75" spans="2:16" ht="15" customHeight="1" x14ac:dyDescent="0.15">
      <c r="B75" s="142" t="s">
        <v>146</v>
      </c>
      <c r="C75" s="143"/>
      <c r="D75" s="145">
        <v>594</v>
      </c>
      <c r="E75" s="145" t="s">
        <v>264</v>
      </c>
      <c r="F75" s="145" t="s">
        <v>35</v>
      </c>
      <c r="G75" s="145" t="s">
        <v>35</v>
      </c>
      <c r="H75" s="146" t="s">
        <v>112</v>
      </c>
      <c r="J75" s="154"/>
      <c r="K75" s="143"/>
      <c r="L75" s="145"/>
      <c r="M75" s="145"/>
      <c r="N75" s="145"/>
      <c r="O75" s="145"/>
      <c r="P75" s="145"/>
    </row>
    <row r="76" spans="2:16" ht="15" customHeight="1" x14ac:dyDescent="0.15">
      <c r="B76" s="142" t="s">
        <v>129</v>
      </c>
      <c r="C76" s="143"/>
      <c r="D76" s="147" t="s">
        <v>265</v>
      </c>
      <c r="E76" s="147" t="s">
        <v>259</v>
      </c>
      <c r="F76" s="147" t="s">
        <v>35</v>
      </c>
      <c r="G76" s="147" t="s">
        <v>35</v>
      </c>
      <c r="H76" s="148" t="s">
        <v>112</v>
      </c>
      <c r="J76" s="154"/>
      <c r="K76" s="143"/>
      <c r="L76" s="145"/>
      <c r="M76" s="145"/>
      <c r="N76" s="145"/>
      <c r="O76" s="145"/>
      <c r="P76" s="145"/>
    </row>
    <row r="77" spans="2:16" ht="15" customHeight="1" x14ac:dyDescent="0.15">
      <c r="B77" s="142" t="s">
        <v>130</v>
      </c>
      <c r="C77" s="143"/>
      <c r="D77" s="147" t="s">
        <v>266</v>
      </c>
      <c r="E77" s="147" t="s">
        <v>260</v>
      </c>
      <c r="F77" s="147" t="s">
        <v>35</v>
      </c>
      <c r="G77" s="147" t="s">
        <v>35</v>
      </c>
      <c r="H77" s="148" t="s">
        <v>112</v>
      </c>
      <c r="J77" s="154"/>
      <c r="K77" s="143"/>
      <c r="L77" s="145"/>
      <c r="M77" s="145"/>
      <c r="N77" s="145"/>
      <c r="O77" s="145"/>
      <c r="P77" s="145"/>
    </row>
    <row r="78" spans="2:16" ht="15" customHeight="1" x14ac:dyDescent="0.15">
      <c r="B78" s="152" t="s">
        <v>131</v>
      </c>
      <c r="C78" s="200"/>
      <c r="D78" s="147" t="s">
        <v>248</v>
      </c>
      <c r="E78" s="147" t="s">
        <v>217</v>
      </c>
      <c r="F78" s="147" t="s">
        <v>35</v>
      </c>
      <c r="G78" s="147" t="s">
        <v>35</v>
      </c>
      <c r="H78" s="148" t="s">
        <v>112</v>
      </c>
      <c r="J78" s="154"/>
      <c r="K78" s="143"/>
      <c r="L78" s="145"/>
      <c r="M78" s="145"/>
      <c r="N78" s="145"/>
      <c r="O78" s="145"/>
      <c r="P78" s="145"/>
    </row>
    <row r="79" spans="2:16" ht="15" customHeight="1" x14ac:dyDescent="0.15">
      <c r="B79" s="156"/>
      <c r="C79" s="157"/>
      <c r="D79" s="150"/>
      <c r="E79" s="150"/>
      <c r="F79" s="150"/>
      <c r="G79" s="150"/>
      <c r="H79" s="150"/>
      <c r="J79" s="154"/>
      <c r="K79" s="143"/>
      <c r="L79" s="145"/>
      <c r="M79" s="145"/>
      <c r="N79" s="145"/>
      <c r="O79" s="145"/>
      <c r="P79" s="145"/>
    </row>
    <row r="80" spans="2:16" ht="26.25" customHeight="1" x14ac:dyDescent="0.15">
      <c r="B80" s="257" t="s">
        <v>191</v>
      </c>
      <c r="C80" s="257"/>
      <c r="D80" s="257"/>
      <c r="E80" s="257"/>
      <c r="F80" s="257"/>
      <c r="G80" s="257"/>
      <c r="H80" s="257"/>
      <c r="J80" s="257"/>
      <c r="K80" s="257"/>
      <c r="L80" s="257"/>
      <c r="M80" s="257"/>
      <c r="N80" s="257"/>
      <c r="O80" s="215"/>
      <c r="P80" s="158"/>
    </row>
    <row r="81" spans="1:16" ht="28.5" customHeight="1" x14ac:dyDescent="0.15">
      <c r="B81" s="257" t="s">
        <v>328</v>
      </c>
      <c r="C81" s="257"/>
      <c r="D81" s="257"/>
      <c r="E81" s="257"/>
      <c r="F81" s="257"/>
      <c r="G81" s="257"/>
      <c r="H81" s="257"/>
      <c r="J81" s="257"/>
      <c r="K81" s="257"/>
      <c r="L81" s="257"/>
      <c r="M81" s="257"/>
      <c r="N81" s="257"/>
      <c r="O81" s="215"/>
      <c r="P81" s="158"/>
    </row>
    <row r="82" spans="1:16" ht="18" customHeight="1" x14ac:dyDescent="0.15">
      <c r="A82" s="159"/>
      <c r="B82" s="160"/>
    </row>
  </sheetData>
  <mergeCells count="4">
    <mergeCell ref="J80:N80"/>
    <mergeCell ref="J81:N81"/>
    <mergeCell ref="B80:H80"/>
    <mergeCell ref="B81:H81"/>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2" manualBreakCount="2">
    <brk id="35" max="16383" man="1"/>
    <brk id="59" max="16383" man="1"/>
  </rowBreaks>
  <colBreaks count="1" manualBreakCount="1">
    <brk id="20" max="1048575"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84"/>
  <sheetViews>
    <sheetView showGridLines="0" view="pageBreakPreview" zoomScaleNormal="70" zoomScaleSheetLayoutView="100" workbookViewId="0">
      <selection activeCell="C89" sqref="C89"/>
    </sheetView>
  </sheetViews>
  <sheetFormatPr defaultRowHeight="12" x14ac:dyDescent="0.15"/>
  <cols>
    <col min="1" max="1" width="2.625" style="71" customWidth="1"/>
    <col min="2" max="2" width="30.625" style="71" customWidth="1"/>
    <col min="3" max="7" width="19.625" style="71" customWidth="1"/>
    <col min="8" max="8" width="2.625" style="71" hidden="1" customWidth="1"/>
    <col min="9" max="16384" width="9" style="71"/>
  </cols>
  <sheetData>
    <row r="1" spans="1:16" s="87" customFormat="1" ht="18.75" customHeight="1" x14ac:dyDescent="0.15">
      <c r="A1" s="258" t="s">
        <v>183</v>
      </c>
      <c r="B1" s="258"/>
      <c r="C1" s="85"/>
      <c r="D1" s="81"/>
      <c r="E1" s="81"/>
      <c r="F1" s="81"/>
      <c r="G1" s="81"/>
      <c r="H1" s="81"/>
      <c r="I1" s="84"/>
      <c r="J1" s="84"/>
      <c r="K1" s="84"/>
      <c r="L1" s="85"/>
      <c r="M1" s="85"/>
      <c r="N1" s="85"/>
      <c r="O1" s="85"/>
      <c r="P1" s="86"/>
    </row>
    <row r="2" spans="1:16" x14ac:dyDescent="0.15">
      <c r="D2" s="82"/>
      <c r="E2" s="82"/>
      <c r="F2" s="82"/>
      <c r="G2" s="82" t="s">
        <v>114</v>
      </c>
      <c r="H2" s="76"/>
    </row>
    <row r="3" spans="1:16" ht="13.5" x14ac:dyDescent="0.15">
      <c r="A3" s="73"/>
      <c r="B3" s="110"/>
      <c r="C3" s="74" t="s">
        <v>205</v>
      </c>
      <c r="D3" s="74" t="s">
        <v>206</v>
      </c>
      <c r="E3" s="74" t="s">
        <v>188</v>
      </c>
      <c r="F3" s="74" t="s">
        <v>207</v>
      </c>
      <c r="G3" s="235" t="s">
        <v>214</v>
      </c>
    </row>
    <row r="4" spans="1:16" x14ac:dyDescent="0.15">
      <c r="A4" s="73"/>
      <c r="B4" s="111" t="s">
        <v>59</v>
      </c>
      <c r="C4" s="79"/>
      <c r="D4" s="79"/>
      <c r="E4" s="79"/>
      <c r="F4" s="79"/>
      <c r="G4" s="29"/>
    </row>
    <row r="5" spans="1:16" x14ac:dyDescent="0.15">
      <c r="A5" s="76"/>
      <c r="B5" s="113" t="s">
        <v>52</v>
      </c>
      <c r="C5" s="28">
        <v>258493</v>
      </c>
      <c r="D5" s="28">
        <v>275399</v>
      </c>
      <c r="E5" s="28">
        <v>482117</v>
      </c>
      <c r="F5" s="28">
        <v>422302</v>
      </c>
      <c r="G5" s="30">
        <v>266648</v>
      </c>
    </row>
    <row r="6" spans="1:16" x14ac:dyDescent="0.15">
      <c r="A6" s="76"/>
      <c r="B6" s="113" t="s">
        <v>60</v>
      </c>
      <c r="C6" s="28">
        <v>414014</v>
      </c>
      <c r="D6" s="28">
        <v>287271</v>
      </c>
      <c r="E6" s="28">
        <v>375564</v>
      </c>
      <c r="F6" s="28">
        <v>471575</v>
      </c>
      <c r="G6" s="30">
        <v>539927</v>
      </c>
    </row>
    <row r="7" spans="1:16" x14ac:dyDescent="0.15">
      <c r="A7" s="76"/>
      <c r="B7" s="113" t="s">
        <v>13</v>
      </c>
      <c r="C7" s="28">
        <v>338300</v>
      </c>
      <c r="D7" s="28">
        <v>184313</v>
      </c>
      <c r="E7" s="28">
        <v>217892</v>
      </c>
      <c r="F7" s="28">
        <v>219714</v>
      </c>
      <c r="G7" s="30">
        <v>243849</v>
      </c>
    </row>
    <row r="8" spans="1:16" hidden="1" x14ac:dyDescent="0.15">
      <c r="A8" s="76"/>
      <c r="B8" s="113" t="s">
        <v>61</v>
      </c>
      <c r="C8" s="241" t="s">
        <v>212</v>
      </c>
      <c r="D8" s="241" t="s">
        <v>212</v>
      </c>
      <c r="E8" s="241" t="s">
        <v>212</v>
      </c>
      <c r="F8" s="241" t="s">
        <v>212</v>
      </c>
      <c r="G8" s="30" t="s">
        <v>210</v>
      </c>
    </row>
    <row r="9" spans="1:16" hidden="1" x14ac:dyDescent="0.15">
      <c r="A9" s="76"/>
      <c r="B9" s="113" t="s">
        <v>62</v>
      </c>
      <c r="C9" s="28" t="s">
        <v>212</v>
      </c>
      <c r="D9" s="28" t="s">
        <v>212</v>
      </c>
      <c r="E9" s="28" t="s">
        <v>216</v>
      </c>
      <c r="F9" s="28" t="s">
        <v>212</v>
      </c>
      <c r="G9" s="30" t="s">
        <v>210</v>
      </c>
    </row>
    <row r="10" spans="1:16" x14ac:dyDescent="0.15">
      <c r="B10" s="113" t="s">
        <v>40</v>
      </c>
      <c r="C10" s="28">
        <v>292442</v>
      </c>
      <c r="D10" s="28">
        <v>224325</v>
      </c>
      <c r="E10" s="28">
        <v>126697</v>
      </c>
      <c r="F10" s="28">
        <v>111718</v>
      </c>
      <c r="G10" s="30">
        <v>94944</v>
      </c>
    </row>
    <row r="11" spans="1:16" x14ac:dyDescent="0.15">
      <c r="B11" s="113" t="s">
        <v>63</v>
      </c>
      <c r="C11" s="242" t="s">
        <v>267</v>
      </c>
      <c r="D11" s="242" t="s">
        <v>268</v>
      </c>
      <c r="E11" s="242" t="s">
        <v>269</v>
      </c>
      <c r="F11" s="242" t="s">
        <v>270</v>
      </c>
      <c r="G11" s="32" t="s">
        <v>271</v>
      </c>
    </row>
    <row r="12" spans="1:16" x14ac:dyDescent="0.15">
      <c r="B12" s="103"/>
      <c r="C12" s="33">
        <v>1299195</v>
      </c>
      <c r="D12" s="33">
        <v>965959</v>
      </c>
      <c r="E12" s="33">
        <v>1193709</v>
      </c>
      <c r="F12" s="33">
        <v>1217193</v>
      </c>
      <c r="G12" s="34">
        <v>1141369</v>
      </c>
    </row>
    <row r="13" spans="1:16" x14ac:dyDescent="0.15">
      <c r="A13" s="76"/>
      <c r="B13" s="112" t="s">
        <v>64</v>
      </c>
      <c r="C13" s="28"/>
      <c r="D13" s="28"/>
      <c r="E13" s="28"/>
      <c r="F13" s="28"/>
      <c r="G13" s="30"/>
    </row>
    <row r="14" spans="1:16" x14ac:dyDescent="0.15">
      <c r="A14" s="76"/>
      <c r="B14" s="113" t="s">
        <v>65</v>
      </c>
      <c r="C14" s="28"/>
      <c r="D14" s="28"/>
      <c r="E14" s="28"/>
      <c r="F14" s="28"/>
      <c r="G14" s="30"/>
    </row>
    <row r="15" spans="1:16" x14ac:dyDescent="0.15">
      <c r="A15" s="76"/>
      <c r="B15" s="114" t="s">
        <v>53</v>
      </c>
      <c r="C15" s="28">
        <v>658741</v>
      </c>
      <c r="D15" s="28">
        <v>643926</v>
      </c>
      <c r="E15" s="28">
        <v>625139</v>
      </c>
      <c r="F15" s="28">
        <v>625263</v>
      </c>
      <c r="G15" s="30">
        <v>645074</v>
      </c>
    </row>
    <row r="16" spans="1:16" x14ac:dyDescent="0.15">
      <c r="A16" s="76"/>
      <c r="B16" s="114" t="s">
        <v>54</v>
      </c>
      <c r="C16" s="28">
        <v>1278026</v>
      </c>
      <c r="D16" s="28">
        <v>1244065</v>
      </c>
      <c r="E16" s="28">
        <v>1155188</v>
      </c>
      <c r="F16" s="28">
        <v>1209180</v>
      </c>
      <c r="G16" s="30">
        <v>1188148</v>
      </c>
    </row>
    <row r="17" spans="1:7" x14ac:dyDescent="0.15">
      <c r="A17" s="76"/>
      <c r="B17" s="114" t="s">
        <v>55</v>
      </c>
      <c r="C17" s="28">
        <v>308651</v>
      </c>
      <c r="D17" s="28">
        <v>275678</v>
      </c>
      <c r="E17" s="28">
        <v>250872</v>
      </c>
      <c r="F17" s="28">
        <v>235418</v>
      </c>
      <c r="G17" s="30">
        <v>218694</v>
      </c>
    </row>
    <row r="18" spans="1:7" x14ac:dyDescent="0.15">
      <c r="A18" s="76"/>
      <c r="B18" s="114" t="s">
        <v>56</v>
      </c>
      <c r="C18" s="28">
        <v>87619</v>
      </c>
      <c r="D18" s="28">
        <v>85352</v>
      </c>
      <c r="E18" s="28">
        <v>95760</v>
      </c>
      <c r="F18" s="28">
        <v>92106</v>
      </c>
      <c r="G18" s="30">
        <v>83245</v>
      </c>
    </row>
    <row r="19" spans="1:7" x14ac:dyDescent="0.15">
      <c r="A19" s="76"/>
      <c r="B19" s="114" t="s">
        <v>57</v>
      </c>
      <c r="C19" s="28">
        <v>19896</v>
      </c>
      <c r="D19" s="28">
        <v>7916</v>
      </c>
      <c r="E19" s="28">
        <v>18434</v>
      </c>
      <c r="F19" s="28">
        <v>45848</v>
      </c>
      <c r="G19" s="30">
        <v>47741</v>
      </c>
    </row>
    <row r="20" spans="1:7" x14ac:dyDescent="0.15">
      <c r="A20" s="76"/>
      <c r="B20" s="114" t="s">
        <v>40</v>
      </c>
      <c r="C20" s="28">
        <v>65101</v>
      </c>
      <c r="D20" s="28">
        <v>54386</v>
      </c>
      <c r="E20" s="28">
        <v>50901</v>
      </c>
      <c r="F20" s="28">
        <v>49076</v>
      </c>
      <c r="G20" s="30">
        <v>45974</v>
      </c>
    </row>
    <row r="21" spans="1:7" x14ac:dyDescent="0.15">
      <c r="B21" s="114" t="s">
        <v>58</v>
      </c>
      <c r="C21" s="242" t="s">
        <v>272</v>
      </c>
      <c r="D21" s="242" t="s">
        <v>273</v>
      </c>
      <c r="E21" s="242" t="s">
        <v>274</v>
      </c>
      <c r="F21" s="242" t="s">
        <v>275</v>
      </c>
      <c r="G21" s="243" t="s">
        <v>276</v>
      </c>
    </row>
    <row r="22" spans="1:7" x14ac:dyDescent="0.15">
      <c r="B22" s="103"/>
      <c r="C22" s="33">
        <v>400592</v>
      </c>
      <c r="D22" s="33">
        <v>351205</v>
      </c>
      <c r="E22" s="33">
        <v>349614</v>
      </c>
      <c r="F22" s="33">
        <v>428595</v>
      </c>
      <c r="G22" s="34">
        <v>405038</v>
      </c>
    </row>
    <row r="23" spans="1:7" x14ac:dyDescent="0.15">
      <c r="B23" s="113" t="s">
        <v>66</v>
      </c>
      <c r="C23" s="28"/>
      <c r="D23" s="28"/>
      <c r="E23" s="28"/>
      <c r="F23" s="28"/>
      <c r="G23" s="30"/>
    </row>
    <row r="24" spans="1:7" x14ac:dyDescent="0.15">
      <c r="A24" s="76"/>
      <c r="B24" s="114" t="s">
        <v>67</v>
      </c>
      <c r="C24" s="28">
        <v>32369</v>
      </c>
      <c r="D24" s="28">
        <v>34282</v>
      </c>
      <c r="E24" s="28">
        <v>28856</v>
      </c>
      <c r="F24" s="28">
        <v>26041</v>
      </c>
      <c r="G24" s="30">
        <v>25763</v>
      </c>
    </row>
    <row r="25" spans="1:7" hidden="1" x14ac:dyDescent="0.15">
      <c r="A25" s="76"/>
      <c r="B25" s="114" t="s">
        <v>68</v>
      </c>
      <c r="C25" s="28" t="s">
        <v>212</v>
      </c>
      <c r="D25" s="28" t="s">
        <v>212</v>
      </c>
      <c r="E25" s="28" t="s">
        <v>212</v>
      </c>
      <c r="F25" s="28" t="s">
        <v>212</v>
      </c>
      <c r="G25" s="30" t="s">
        <v>210</v>
      </c>
    </row>
    <row r="26" spans="1:7" x14ac:dyDescent="0.15">
      <c r="A26" s="76"/>
      <c r="B26" s="114" t="s">
        <v>40</v>
      </c>
      <c r="C26" s="28">
        <v>10115</v>
      </c>
      <c r="D26" s="28">
        <v>7358</v>
      </c>
      <c r="E26" s="28">
        <v>13503</v>
      </c>
      <c r="F26" s="28">
        <v>18755</v>
      </c>
      <c r="G26" s="30">
        <v>13931</v>
      </c>
    </row>
    <row r="27" spans="1:7" x14ac:dyDescent="0.15">
      <c r="A27" s="76"/>
      <c r="B27" s="103"/>
      <c r="C27" s="33">
        <v>42484</v>
      </c>
      <c r="D27" s="33">
        <v>41640</v>
      </c>
      <c r="E27" s="33">
        <v>42359</v>
      </c>
      <c r="F27" s="33">
        <v>44797</v>
      </c>
      <c r="G27" s="34">
        <v>39695</v>
      </c>
    </row>
    <row r="28" spans="1:7" x14ac:dyDescent="0.15">
      <c r="A28" s="76"/>
      <c r="B28" s="113" t="s">
        <v>69</v>
      </c>
      <c r="C28" s="28"/>
      <c r="D28" s="28"/>
      <c r="E28" s="28"/>
      <c r="F28" s="28"/>
      <c r="G28" s="30"/>
    </row>
    <row r="29" spans="1:7" x14ac:dyDescent="0.15">
      <c r="B29" s="114" t="s">
        <v>70</v>
      </c>
      <c r="C29" s="28">
        <v>167795</v>
      </c>
      <c r="D29" s="28">
        <v>166427</v>
      </c>
      <c r="E29" s="28">
        <v>151270</v>
      </c>
      <c r="F29" s="28">
        <v>172061</v>
      </c>
      <c r="G29" s="30">
        <v>185782</v>
      </c>
    </row>
    <row r="30" spans="1:7" x14ac:dyDescent="0.15">
      <c r="A30" s="76"/>
      <c r="B30" s="114" t="s">
        <v>40</v>
      </c>
      <c r="C30" s="28">
        <v>52702</v>
      </c>
      <c r="D30" s="28">
        <v>47642</v>
      </c>
      <c r="E30" s="28">
        <v>39239</v>
      </c>
      <c r="F30" s="28">
        <v>47888</v>
      </c>
      <c r="G30" s="30">
        <v>96936</v>
      </c>
    </row>
    <row r="31" spans="1:7" x14ac:dyDescent="0.15">
      <c r="A31" s="76"/>
      <c r="B31" s="114" t="s">
        <v>63</v>
      </c>
      <c r="C31" s="31" t="s">
        <v>277</v>
      </c>
      <c r="D31" s="31" t="s">
        <v>278</v>
      </c>
      <c r="E31" s="31" t="s">
        <v>279</v>
      </c>
      <c r="F31" s="31" t="s">
        <v>280</v>
      </c>
      <c r="G31" s="32" t="s">
        <v>281</v>
      </c>
    </row>
    <row r="32" spans="1:7" x14ac:dyDescent="0.15">
      <c r="A32" s="76"/>
      <c r="B32" s="103"/>
      <c r="C32" s="33">
        <v>219555</v>
      </c>
      <c r="D32" s="33">
        <v>211810</v>
      </c>
      <c r="E32" s="33">
        <v>187962</v>
      </c>
      <c r="F32" s="33">
        <v>217854</v>
      </c>
      <c r="G32" s="34">
        <v>280239</v>
      </c>
    </row>
    <row r="33" spans="1:7" x14ac:dyDescent="0.15">
      <c r="A33" s="76"/>
      <c r="B33" s="103"/>
      <c r="C33" s="35">
        <v>662631</v>
      </c>
      <c r="D33" s="35">
        <v>604655</v>
      </c>
      <c r="E33" s="35">
        <v>579936</v>
      </c>
      <c r="F33" s="35">
        <v>691247</v>
      </c>
      <c r="G33" s="36">
        <v>724972</v>
      </c>
    </row>
    <row r="34" spans="1:7" x14ac:dyDescent="0.15">
      <c r="B34" s="112" t="s">
        <v>71</v>
      </c>
      <c r="C34" s="37"/>
      <c r="D34" s="37"/>
      <c r="E34" s="37"/>
      <c r="F34" s="37"/>
      <c r="G34" s="38"/>
    </row>
    <row r="35" spans="1:7" x14ac:dyDescent="0.15">
      <c r="A35" s="76"/>
      <c r="B35" s="113" t="s">
        <v>72</v>
      </c>
      <c r="C35" s="37">
        <v>83</v>
      </c>
      <c r="D35" s="37">
        <v>58</v>
      </c>
      <c r="E35" s="37">
        <v>36</v>
      </c>
      <c r="F35" s="37">
        <v>21</v>
      </c>
      <c r="G35" s="38">
        <v>6</v>
      </c>
    </row>
    <row r="36" spans="1:7" hidden="1" x14ac:dyDescent="0.15">
      <c r="A36" s="76"/>
      <c r="B36" s="113" t="s">
        <v>40</v>
      </c>
      <c r="C36" s="37" t="s">
        <v>35</v>
      </c>
      <c r="D36" s="37" t="s">
        <v>35</v>
      </c>
      <c r="E36" s="37" t="s">
        <v>35</v>
      </c>
      <c r="F36" s="37" t="s">
        <v>35</v>
      </c>
      <c r="G36" s="38" t="s">
        <v>211</v>
      </c>
    </row>
    <row r="37" spans="1:7" x14ac:dyDescent="0.15">
      <c r="A37" s="76"/>
      <c r="B37" s="103"/>
      <c r="C37" s="33">
        <v>83</v>
      </c>
      <c r="D37" s="33">
        <v>58</v>
      </c>
      <c r="E37" s="33">
        <v>36</v>
      </c>
      <c r="F37" s="33">
        <v>21</v>
      </c>
      <c r="G37" s="34">
        <v>6</v>
      </c>
    </row>
    <row r="38" spans="1:7" x14ac:dyDescent="0.15">
      <c r="B38" s="99" t="s">
        <v>73</v>
      </c>
      <c r="C38" s="233">
        <v>1961909</v>
      </c>
      <c r="D38" s="234">
        <v>1570672</v>
      </c>
      <c r="E38" s="234">
        <v>1773682</v>
      </c>
      <c r="F38" s="234">
        <v>1908461</v>
      </c>
      <c r="G38" s="89">
        <v>1866349</v>
      </c>
    </row>
    <row r="39" spans="1:7" x14ac:dyDescent="0.15">
      <c r="B39" s="237"/>
      <c r="C39" s="28"/>
      <c r="D39" s="28"/>
      <c r="E39" s="28"/>
      <c r="F39" s="28"/>
      <c r="G39" s="28"/>
    </row>
    <row r="40" spans="1:7" ht="76.5" customHeight="1" x14ac:dyDescent="0.15">
      <c r="A40" s="76"/>
      <c r="B40" s="237"/>
      <c r="C40" s="28"/>
      <c r="D40" s="28"/>
      <c r="E40" s="28"/>
      <c r="F40" s="28"/>
      <c r="G40" s="28"/>
    </row>
    <row r="41" spans="1:7" ht="10.5" customHeight="1" x14ac:dyDescent="0.15">
      <c r="A41" s="76"/>
      <c r="B41" s="237"/>
      <c r="C41" s="28"/>
      <c r="D41" s="28"/>
      <c r="E41" s="28"/>
      <c r="F41" s="28"/>
      <c r="G41" s="28"/>
    </row>
    <row r="42" spans="1:7" x14ac:dyDescent="0.15">
      <c r="A42" s="76"/>
      <c r="B42" s="237"/>
      <c r="C42" s="28"/>
      <c r="D42" s="28"/>
      <c r="E42" s="28"/>
      <c r="F42" s="28"/>
      <c r="G42" s="28"/>
    </row>
    <row r="43" spans="1:7" ht="14.25" x14ac:dyDescent="0.15">
      <c r="A43" s="73"/>
      <c r="B43" s="115"/>
      <c r="C43" s="74" t="s">
        <v>205</v>
      </c>
      <c r="D43" s="74" t="s">
        <v>206</v>
      </c>
      <c r="E43" s="74" t="s">
        <v>188</v>
      </c>
      <c r="F43" s="74" t="s">
        <v>207</v>
      </c>
      <c r="G43" s="235" t="s">
        <v>213</v>
      </c>
    </row>
    <row r="44" spans="1:7" x14ac:dyDescent="0.15">
      <c r="B44" s="104" t="s">
        <v>74</v>
      </c>
      <c r="C44" s="40"/>
      <c r="D44" s="90"/>
      <c r="E44" s="90"/>
      <c r="F44" s="90"/>
      <c r="G44" s="91"/>
    </row>
    <row r="45" spans="1:7" x14ac:dyDescent="0.15">
      <c r="B45" s="112" t="s">
        <v>75</v>
      </c>
      <c r="C45" s="42"/>
      <c r="D45" s="42"/>
      <c r="E45" s="42"/>
      <c r="F45" s="42"/>
      <c r="G45" s="43"/>
    </row>
    <row r="46" spans="1:7" x14ac:dyDescent="0.15">
      <c r="A46" s="76"/>
      <c r="B46" s="113" t="s">
        <v>76</v>
      </c>
      <c r="C46" s="31">
        <v>334545</v>
      </c>
      <c r="D46" s="31">
        <v>212556</v>
      </c>
      <c r="E46" s="31">
        <v>306007</v>
      </c>
      <c r="F46" s="31">
        <v>384966</v>
      </c>
      <c r="G46" s="32">
        <v>372166</v>
      </c>
    </row>
    <row r="47" spans="1:7" x14ac:dyDescent="0.15">
      <c r="A47" s="76"/>
      <c r="B47" s="113" t="s">
        <v>77</v>
      </c>
      <c r="C47" s="31">
        <v>89338</v>
      </c>
      <c r="D47" s="31">
        <v>66131</v>
      </c>
      <c r="E47" s="31">
        <v>44560</v>
      </c>
      <c r="F47" s="31">
        <v>44511</v>
      </c>
      <c r="G47" s="32">
        <v>38149</v>
      </c>
    </row>
    <row r="48" spans="1:7" x14ac:dyDescent="0.15">
      <c r="A48" s="76"/>
      <c r="B48" s="113" t="s">
        <v>78</v>
      </c>
      <c r="C48" s="31">
        <v>840026</v>
      </c>
      <c r="D48" s="31">
        <v>612593</v>
      </c>
      <c r="E48" s="31">
        <v>113534</v>
      </c>
      <c r="F48" s="31">
        <v>81256</v>
      </c>
      <c r="G48" s="32">
        <v>81446</v>
      </c>
    </row>
    <row r="49" spans="1:7" x14ac:dyDescent="0.15">
      <c r="A49" s="76"/>
      <c r="B49" s="113" t="s">
        <v>79</v>
      </c>
      <c r="C49" s="31" t="s">
        <v>35</v>
      </c>
      <c r="D49" s="31">
        <v>20000</v>
      </c>
      <c r="E49" s="31" t="s">
        <v>215</v>
      </c>
      <c r="F49" s="31">
        <v>10000</v>
      </c>
      <c r="G49" s="32">
        <v>30000</v>
      </c>
    </row>
    <row r="50" spans="1:7" x14ac:dyDescent="0.15">
      <c r="B50" s="113" t="s">
        <v>80</v>
      </c>
      <c r="C50" s="31">
        <v>178905</v>
      </c>
      <c r="D50" s="31">
        <v>138470</v>
      </c>
      <c r="E50" s="31">
        <v>139523</v>
      </c>
      <c r="F50" s="31">
        <v>132373</v>
      </c>
      <c r="G50" s="32">
        <v>114401</v>
      </c>
    </row>
    <row r="51" spans="1:7" x14ac:dyDescent="0.15">
      <c r="B51" s="113" t="s">
        <v>81</v>
      </c>
      <c r="C51" s="31">
        <v>15230</v>
      </c>
      <c r="D51" s="31">
        <v>12614</v>
      </c>
      <c r="E51" s="31">
        <v>21137</v>
      </c>
      <c r="F51" s="31">
        <v>20859</v>
      </c>
      <c r="G51" s="32">
        <v>20639</v>
      </c>
    </row>
    <row r="52" spans="1:7" x14ac:dyDescent="0.15">
      <c r="B52" s="113" t="s">
        <v>82</v>
      </c>
      <c r="C52" s="31">
        <v>17483</v>
      </c>
      <c r="D52" s="31">
        <v>18718</v>
      </c>
      <c r="E52" s="31">
        <v>18930</v>
      </c>
      <c r="F52" s="31">
        <v>18135</v>
      </c>
      <c r="G52" s="32">
        <v>19903</v>
      </c>
    </row>
    <row r="53" spans="1:7" x14ac:dyDescent="0.15">
      <c r="B53" s="113" t="s">
        <v>181</v>
      </c>
      <c r="C53" s="31" t="s">
        <v>35</v>
      </c>
      <c r="D53" s="31">
        <v>26120</v>
      </c>
      <c r="E53" s="31">
        <v>15913</v>
      </c>
      <c r="F53" s="31">
        <v>14392</v>
      </c>
      <c r="G53" s="32">
        <v>12422</v>
      </c>
    </row>
    <row r="54" spans="1:7" x14ac:dyDescent="0.15">
      <c r="B54" s="113" t="s">
        <v>148</v>
      </c>
      <c r="C54" s="31">
        <v>54655</v>
      </c>
      <c r="D54" s="31">
        <v>57124</v>
      </c>
      <c r="E54" s="31">
        <v>48618</v>
      </c>
      <c r="F54" s="31">
        <v>21369</v>
      </c>
      <c r="G54" s="32">
        <v>17123</v>
      </c>
    </row>
    <row r="55" spans="1:7" x14ac:dyDescent="0.15">
      <c r="A55" s="76"/>
      <c r="B55" s="113" t="s">
        <v>40</v>
      </c>
      <c r="C55" s="31">
        <v>156772</v>
      </c>
      <c r="D55" s="31">
        <v>210536</v>
      </c>
      <c r="E55" s="31">
        <v>93412</v>
      </c>
      <c r="F55" s="31">
        <v>105602</v>
      </c>
      <c r="G55" s="32">
        <v>106883</v>
      </c>
    </row>
    <row r="56" spans="1:7" x14ac:dyDescent="0.15">
      <c r="A56" s="76"/>
      <c r="B56" s="103"/>
      <c r="C56" s="44">
        <v>1686954</v>
      </c>
      <c r="D56" s="44">
        <v>1374862</v>
      </c>
      <c r="E56" s="44">
        <v>801637</v>
      </c>
      <c r="F56" s="44">
        <v>833467</v>
      </c>
      <c r="G56" s="45">
        <v>813136</v>
      </c>
    </row>
    <row r="57" spans="1:7" x14ac:dyDescent="0.15">
      <c r="A57" s="76"/>
      <c r="B57" s="112" t="s">
        <v>83</v>
      </c>
      <c r="C57" s="42"/>
      <c r="D57" s="42"/>
      <c r="E57" s="42"/>
      <c r="F57" s="42"/>
      <c r="G57" s="43"/>
    </row>
    <row r="58" spans="1:7" x14ac:dyDescent="0.15">
      <c r="A58" s="76"/>
      <c r="B58" s="113" t="s">
        <v>84</v>
      </c>
      <c r="C58" s="31">
        <v>60000</v>
      </c>
      <c r="D58" s="31">
        <v>40000</v>
      </c>
      <c r="E58" s="31">
        <v>40000</v>
      </c>
      <c r="F58" s="31">
        <v>30000</v>
      </c>
      <c r="G58" s="32" t="s">
        <v>211</v>
      </c>
    </row>
    <row r="59" spans="1:7" x14ac:dyDescent="0.15">
      <c r="A59" s="76"/>
      <c r="B59" s="113" t="s">
        <v>85</v>
      </c>
      <c r="C59" s="31">
        <v>53470</v>
      </c>
      <c r="D59" s="31">
        <v>40251</v>
      </c>
      <c r="E59" s="31">
        <v>490333</v>
      </c>
      <c r="F59" s="31">
        <v>507027</v>
      </c>
      <c r="G59" s="32">
        <v>538205</v>
      </c>
    </row>
    <row r="60" spans="1:7" x14ac:dyDescent="0.15">
      <c r="B60" s="113" t="s">
        <v>86</v>
      </c>
      <c r="C60" s="31">
        <v>85277</v>
      </c>
      <c r="D60" s="31">
        <v>117341</v>
      </c>
      <c r="E60" s="31">
        <v>110074</v>
      </c>
      <c r="F60" s="31">
        <v>101101</v>
      </c>
      <c r="G60" s="32">
        <v>106636</v>
      </c>
    </row>
    <row r="61" spans="1:7" x14ac:dyDescent="0.15">
      <c r="B61" s="113" t="s">
        <v>40</v>
      </c>
      <c r="C61" s="31">
        <v>31693</v>
      </c>
      <c r="D61" s="31">
        <v>29429</v>
      </c>
      <c r="E61" s="31">
        <v>23836</v>
      </c>
      <c r="F61" s="31">
        <v>35151</v>
      </c>
      <c r="G61" s="32">
        <v>35898</v>
      </c>
    </row>
    <row r="62" spans="1:7" x14ac:dyDescent="0.15">
      <c r="A62" s="76"/>
      <c r="B62" s="103"/>
      <c r="C62" s="44">
        <v>230440</v>
      </c>
      <c r="D62" s="44">
        <v>227021</v>
      </c>
      <c r="E62" s="44">
        <v>664243</v>
      </c>
      <c r="F62" s="44">
        <v>673280</v>
      </c>
      <c r="G62" s="45">
        <v>680740</v>
      </c>
    </row>
    <row r="63" spans="1:7" x14ac:dyDescent="0.15">
      <c r="A63" s="76"/>
      <c r="B63" s="112" t="s">
        <v>87</v>
      </c>
      <c r="C63" s="44">
        <v>1917394</v>
      </c>
      <c r="D63" s="44">
        <v>1601883</v>
      </c>
      <c r="E63" s="44">
        <v>1465881</v>
      </c>
      <c r="F63" s="44">
        <v>1506748</v>
      </c>
      <c r="G63" s="45">
        <v>1493877</v>
      </c>
    </row>
    <row r="64" spans="1:7" x14ac:dyDescent="0.15">
      <c r="A64" s="76"/>
      <c r="B64" s="104" t="s">
        <v>88</v>
      </c>
      <c r="C64" s="31"/>
      <c r="D64" s="31"/>
      <c r="E64" s="31"/>
      <c r="F64" s="31"/>
      <c r="G64" s="32"/>
    </row>
    <row r="65" spans="1:7" x14ac:dyDescent="0.15">
      <c r="A65" s="76"/>
      <c r="B65" s="112" t="s">
        <v>89</v>
      </c>
      <c r="C65" s="42"/>
      <c r="D65" s="42"/>
      <c r="E65" s="42"/>
      <c r="F65" s="42"/>
      <c r="G65" s="43"/>
    </row>
    <row r="66" spans="1:7" x14ac:dyDescent="0.15">
      <c r="A66" s="76"/>
      <c r="B66" s="113" t="s">
        <v>90</v>
      </c>
      <c r="C66" s="31">
        <v>121885</v>
      </c>
      <c r="D66" s="31">
        <v>500</v>
      </c>
      <c r="E66" s="31">
        <v>5000</v>
      </c>
      <c r="F66" s="31">
        <v>5000</v>
      </c>
      <c r="G66" s="32">
        <v>5000</v>
      </c>
    </row>
    <row r="67" spans="1:7" x14ac:dyDescent="0.15">
      <c r="A67" s="76"/>
      <c r="B67" s="113" t="s">
        <v>91</v>
      </c>
      <c r="C67" s="31">
        <v>95945</v>
      </c>
      <c r="D67" s="31">
        <v>222457</v>
      </c>
      <c r="E67" s="31">
        <v>576792</v>
      </c>
      <c r="F67" s="31">
        <v>295332</v>
      </c>
      <c r="G67" s="32">
        <v>208725</v>
      </c>
    </row>
    <row r="68" spans="1:7" x14ac:dyDescent="0.15">
      <c r="A68" s="76"/>
      <c r="B68" s="113" t="s">
        <v>92</v>
      </c>
      <c r="C68" s="31" t="s">
        <v>282</v>
      </c>
      <c r="D68" s="31" t="s">
        <v>283</v>
      </c>
      <c r="E68" s="31" t="s">
        <v>284</v>
      </c>
      <c r="F68" s="31">
        <v>204906</v>
      </c>
      <c r="G68" s="32">
        <v>258040</v>
      </c>
    </row>
    <row r="69" spans="1:7" x14ac:dyDescent="0.15">
      <c r="A69" s="76"/>
      <c r="B69" s="113" t="s">
        <v>93</v>
      </c>
      <c r="C69" s="31" t="s">
        <v>285</v>
      </c>
      <c r="D69" s="31" t="s">
        <v>286</v>
      </c>
      <c r="E69" s="31" t="s">
        <v>287</v>
      </c>
      <c r="F69" s="31" t="s">
        <v>288</v>
      </c>
      <c r="G69" s="32" t="s">
        <v>289</v>
      </c>
    </row>
    <row r="70" spans="1:7" x14ac:dyDescent="0.15">
      <c r="A70" s="76"/>
      <c r="B70" s="103"/>
      <c r="C70" s="44">
        <v>116489</v>
      </c>
      <c r="D70" s="44">
        <v>85414</v>
      </c>
      <c r="E70" s="44">
        <v>419292</v>
      </c>
      <c r="F70" s="44">
        <v>491302</v>
      </c>
      <c r="G70" s="45">
        <v>457778</v>
      </c>
    </row>
    <row r="71" spans="1:7" x14ac:dyDescent="0.15">
      <c r="A71" s="76"/>
      <c r="B71" s="112" t="s">
        <v>94</v>
      </c>
      <c r="C71" s="42"/>
      <c r="D71" s="42"/>
      <c r="E71" s="42"/>
      <c r="F71" s="42"/>
      <c r="G71" s="43"/>
    </row>
    <row r="72" spans="1:7" x14ac:dyDescent="0.15">
      <c r="A72" s="76"/>
      <c r="B72" s="116" t="s">
        <v>95</v>
      </c>
      <c r="C72" s="31">
        <v>10569</v>
      </c>
      <c r="D72" s="31">
        <v>11634</v>
      </c>
      <c r="E72" s="31">
        <v>14474</v>
      </c>
      <c r="F72" s="31">
        <v>16876</v>
      </c>
      <c r="G72" s="32">
        <v>13531</v>
      </c>
    </row>
    <row r="73" spans="1:7" x14ac:dyDescent="0.15">
      <c r="A73" s="76"/>
      <c r="B73" s="113" t="s">
        <v>96</v>
      </c>
      <c r="C73" s="31">
        <v>780</v>
      </c>
      <c r="D73" s="31" t="s">
        <v>290</v>
      </c>
      <c r="E73" s="31">
        <v>39</v>
      </c>
      <c r="F73" s="31" t="s">
        <v>291</v>
      </c>
      <c r="G73" s="32" t="s">
        <v>292</v>
      </c>
    </row>
    <row r="74" spans="1:7" x14ac:dyDescent="0.15">
      <c r="A74" s="76"/>
      <c r="B74" s="113" t="s">
        <v>97</v>
      </c>
      <c r="C74" s="31" t="s">
        <v>293</v>
      </c>
      <c r="D74" s="31" t="s">
        <v>294</v>
      </c>
      <c r="E74" s="31" t="s">
        <v>295</v>
      </c>
      <c r="F74" s="31" t="s">
        <v>296</v>
      </c>
      <c r="G74" s="32" t="s">
        <v>297</v>
      </c>
    </row>
    <row r="75" spans="1:7" x14ac:dyDescent="0.15">
      <c r="A75" s="76"/>
      <c r="B75" s="116" t="s">
        <v>49</v>
      </c>
      <c r="C75" s="233" t="s">
        <v>298</v>
      </c>
      <c r="D75" s="233" t="s">
        <v>299</v>
      </c>
      <c r="E75" s="233" t="s">
        <v>300</v>
      </c>
      <c r="F75" s="233" t="s">
        <v>301</v>
      </c>
      <c r="G75" s="39" t="s">
        <v>302</v>
      </c>
    </row>
    <row r="76" spans="1:7" x14ac:dyDescent="0.15">
      <c r="B76" s="103"/>
      <c r="C76" s="31" t="s">
        <v>303</v>
      </c>
      <c r="D76" s="31" t="s">
        <v>304</v>
      </c>
      <c r="E76" s="31" t="s">
        <v>305</v>
      </c>
      <c r="F76" s="31" t="s">
        <v>306</v>
      </c>
      <c r="G76" s="32" t="s">
        <v>307</v>
      </c>
    </row>
    <row r="77" spans="1:7" x14ac:dyDescent="0.15">
      <c r="B77" s="112" t="s">
        <v>202</v>
      </c>
      <c r="C77" s="46" t="s">
        <v>35</v>
      </c>
      <c r="D77" s="46" t="s">
        <v>35</v>
      </c>
      <c r="E77" s="46" t="s">
        <v>35</v>
      </c>
      <c r="F77" s="28">
        <v>106</v>
      </c>
      <c r="G77" s="30">
        <v>235</v>
      </c>
    </row>
    <row r="78" spans="1:7" x14ac:dyDescent="0.15">
      <c r="B78" s="112" t="s">
        <v>149</v>
      </c>
      <c r="C78" s="117">
        <v>14349</v>
      </c>
      <c r="D78" s="117">
        <v>11839</v>
      </c>
      <c r="E78" s="117">
        <v>13646</v>
      </c>
      <c r="F78" s="117">
        <v>23265</v>
      </c>
      <c r="G78" s="41">
        <v>21605</v>
      </c>
    </row>
    <row r="79" spans="1:7" x14ac:dyDescent="0.15">
      <c r="B79" s="112" t="s">
        <v>98</v>
      </c>
      <c r="C79" s="44">
        <v>44515</v>
      </c>
      <c r="D79" s="44">
        <v>-31211</v>
      </c>
      <c r="E79" s="44">
        <v>307801</v>
      </c>
      <c r="F79" s="44">
        <v>401713</v>
      </c>
      <c r="G79" s="45">
        <v>372471</v>
      </c>
    </row>
    <row r="80" spans="1:7" x14ac:dyDescent="0.15">
      <c r="B80" s="246" t="s">
        <v>99</v>
      </c>
      <c r="C80" s="247">
        <v>1961909</v>
      </c>
      <c r="D80" s="117">
        <v>1570672</v>
      </c>
      <c r="E80" s="117">
        <v>1773682</v>
      </c>
      <c r="F80" s="117">
        <v>1908461</v>
      </c>
      <c r="G80" s="41">
        <v>1866349</v>
      </c>
    </row>
    <row r="81" spans="1:7" x14ac:dyDescent="0.15">
      <c r="B81" s="75" t="s">
        <v>334</v>
      </c>
      <c r="C81" s="31"/>
      <c r="D81" s="117"/>
      <c r="E81" s="117"/>
      <c r="F81" s="117"/>
      <c r="G81" s="117"/>
    </row>
    <row r="82" spans="1:7" x14ac:dyDescent="0.15">
      <c r="B82" s="75" t="s">
        <v>335</v>
      </c>
      <c r="C82" s="31"/>
      <c r="D82" s="31"/>
      <c r="E82" s="31"/>
      <c r="F82" s="31"/>
      <c r="G82" s="31"/>
    </row>
    <row r="83" spans="1:7" x14ac:dyDescent="0.15">
      <c r="B83" s="237"/>
      <c r="C83" s="31"/>
      <c r="D83" s="31"/>
      <c r="E83" s="31"/>
      <c r="F83" s="31"/>
      <c r="G83" s="31"/>
    </row>
    <row r="84" spans="1:7" x14ac:dyDescent="0.15">
      <c r="A84" s="76"/>
      <c r="B84" s="236"/>
      <c r="C84" s="31"/>
      <c r="D84" s="31"/>
      <c r="E84" s="31"/>
      <c r="F84" s="31"/>
      <c r="G84" s="31"/>
    </row>
  </sheetData>
  <mergeCells count="1">
    <mergeCell ref="A1:B1"/>
  </mergeCells>
  <phoneticPr fontId="2"/>
  <pageMargins left="0.70866141732283472" right="0.70866141732283472" top="0.74803149606299213" bottom="0.74803149606299213" header="0.31496062992125984" footer="0.31496062992125984"/>
  <pageSetup paperSize="9" fitToHeight="2" orientation="landscape"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90"/>
  <sheetViews>
    <sheetView showGridLines="0" zoomScaleNormal="100" zoomScaleSheetLayoutView="85" workbookViewId="0">
      <selection activeCell="A11" sqref="A11"/>
    </sheetView>
  </sheetViews>
  <sheetFormatPr defaultRowHeight="12" x14ac:dyDescent="0.15"/>
  <cols>
    <col min="1" max="1" width="2.625" style="1" customWidth="1"/>
    <col min="2" max="2" width="38.625" style="1" customWidth="1"/>
    <col min="3" max="3" width="3.125" style="1" customWidth="1"/>
    <col min="4" max="8" width="17.375" style="1" customWidth="1"/>
    <col min="9" max="9" width="2.5" style="1" customWidth="1"/>
    <col min="10" max="16384" width="9" style="1"/>
  </cols>
  <sheetData>
    <row r="1" spans="1:17" s="87" customFormat="1" ht="18.75" customHeight="1" x14ac:dyDescent="0.15">
      <c r="A1" s="81" t="s">
        <v>125</v>
      </c>
      <c r="B1" s="83"/>
      <c r="C1" s="84"/>
      <c r="D1" s="85"/>
      <c r="E1" s="81"/>
      <c r="F1" s="81"/>
      <c r="G1" s="81"/>
      <c r="H1" s="81"/>
      <c r="I1" s="81"/>
      <c r="J1" s="84"/>
      <c r="K1" s="84"/>
      <c r="L1" s="84"/>
      <c r="M1" s="85"/>
      <c r="N1" s="85"/>
      <c r="O1" s="85"/>
      <c r="P1" s="85"/>
      <c r="Q1" s="86"/>
    </row>
    <row r="2" spans="1:17" ht="20.25" x14ac:dyDescent="0.15">
      <c r="B2" s="5"/>
      <c r="E2" s="51"/>
      <c r="F2" s="51"/>
      <c r="G2" s="51"/>
      <c r="H2" s="51" t="s">
        <v>114</v>
      </c>
    </row>
    <row r="3" spans="1:17" ht="27" customHeight="1" x14ac:dyDescent="0.15">
      <c r="A3" s="2"/>
      <c r="B3" s="6"/>
      <c r="C3" s="3"/>
      <c r="D3" s="70" t="s">
        <v>205</v>
      </c>
      <c r="E3" s="70" t="s">
        <v>206</v>
      </c>
      <c r="F3" s="70" t="s">
        <v>188</v>
      </c>
      <c r="G3" s="70" t="s">
        <v>207</v>
      </c>
      <c r="H3" s="239" t="s">
        <v>204</v>
      </c>
      <c r="I3" s="240"/>
    </row>
    <row r="4" spans="1:17" ht="27" customHeight="1" x14ac:dyDescent="0.15">
      <c r="A4" s="2"/>
      <c r="B4" s="68" t="s">
        <v>1</v>
      </c>
      <c r="C4" s="12"/>
      <c r="D4" s="80">
        <v>2786256</v>
      </c>
      <c r="E4" s="80">
        <v>2461589</v>
      </c>
      <c r="F4" s="80">
        <v>2050639</v>
      </c>
      <c r="G4" s="80">
        <v>2427271</v>
      </c>
      <c r="H4" s="92">
        <v>2400072</v>
      </c>
      <c r="I4" s="7"/>
    </row>
    <row r="5" spans="1:17" s="71" customFormat="1" ht="27" customHeight="1" x14ac:dyDescent="0.15">
      <c r="A5" s="76"/>
      <c r="B5" s="208" t="s">
        <v>197</v>
      </c>
      <c r="C5" s="166"/>
      <c r="D5" s="212">
        <v>2397749</v>
      </c>
      <c r="E5" s="212">
        <v>2228277</v>
      </c>
      <c r="F5" s="212">
        <v>1666784</v>
      </c>
      <c r="G5" s="212">
        <v>2023007</v>
      </c>
      <c r="H5" s="93">
        <v>1975958</v>
      </c>
    </row>
    <row r="6" spans="1:17" ht="27" customHeight="1" x14ac:dyDescent="0.15">
      <c r="A6" s="7"/>
      <c r="B6" s="67" t="s">
        <v>100</v>
      </c>
      <c r="C6" s="9"/>
      <c r="D6" s="49">
        <v>388507</v>
      </c>
      <c r="E6" s="94">
        <v>233312</v>
      </c>
      <c r="F6" s="49">
        <v>383854</v>
      </c>
      <c r="G6" s="49">
        <v>404264</v>
      </c>
      <c r="H6" s="95">
        <v>424113</v>
      </c>
      <c r="I6" s="7"/>
    </row>
    <row r="7" spans="1:17" ht="27" customHeight="1" x14ac:dyDescent="0.15">
      <c r="A7" s="7"/>
      <c r="B7" s="67" t="s">
        <v>101</v>
      </c>
      <c r="C7" s="9"/>
      <c r="D7" s="50">
        <v>436572</v>
      </c>
      <c r="E7" s="50">
        <v>395279</v>
      </c>
      <c r="F7" s="50">
        <v>321400</v>
      </c>
      <c r="G7" s="50">
        <v>314138</v>
      </c>
      <c r="H7" s="96">
        <v>339972</v>
      </c>
      <c r="I7" s="7"/>
    </row>
    <row r="8" spans="1:17" ht="27" customHeight="1" x14ac:dyDescent="0.15">
      <c r="A8" s="7"/>
      <c r="B8" s="67" t="s">
        <v>102</v>
      </c>
      <c r="C8" s="9"/>
      <c r="D8" s="50" t="s">
        <v>248</v>
      </c>
      <c r="E8" s="50" t="s">
        <v>217</v>
      </c>
      <c r="F8" s="50">
        <v>62454</v>
      </c>
      <c r="G8" s="50">
        <v>90125</v>
      </c>
      <c r="H8" s="96">
        <v>84140</v>
      </c>
      <c r="I8" s="7"/>
    </row>
    <row r="9" spans="1:17" ht="27" customHeight="1" x14ac:dyDescent="0.15">
      <c r="A9" s="7"/>
      <c r="B9" s="67" t="s">
        <v>103</v>
      </c>
      <c r="C9" s="9"/>
      <c r="D9" s="47">
        <v>22181</v>
      </c>
      <c r="E9" s="47">
        <v>21186</v>
      </c>
      <c r="F9" s="47">
        <v>12787</v>
      </c>
      <c r="G9" s="47">
        <v>22219</v>
      </c>
      <c r="H9" s="97">
        <v>22650</v>
      </c>
      <c r="I9" s="7"/>
    </row>
    <row r="10" spans="1:17" ht="27" customHeight="1" x14ac:dyDescent="0.15">
      <c r="A10" s="7"/>
      <c r="B10" s="67" t="s">
        <v>104</v>
      </c>
      <c r="C10" s="9"/>
      <c r="D10" s="47">
        <v>70642</v>
      </c>
      <c r="E10" s="47">
        <v>51679</v>
      </c>
      <c r="F10" s="47">
        <v>50171</v>
      </c>
      <c r="G10" s="47">
        <v>23024</v>
      </c>
      <c r="H10" s="97">
        <v>37779</v>
      </c>
      <c r="I10" s="7"/>
    </row>
    <row r="11" spans="1:17" ht="27" customHeight="1" x14ac:dyDescent="0.15">
      <c r="B11" s="67" t="s">
        <v>105</v>
      </c>
      <c r="C11" s="9"/>
      <c r="D11" s="50" t="s">
        <v>308</v>
      </c>
      <c r="E11" s="50" t="s">
        <v>309</v>
      </c>
      <c r="F11" s="50">
        <v>25070</v>
      </c>
      <c r="G11" s="50">
        <v>89320</v>
      </c>
      <c r="H11" s="96">
        <v>69011</v>
      </c>
    </row>
    <row r="12" spans="1:17" ht="27" customHeight="1" x14ac:dyDescent="0.15">
      <c r="B12" s="67" t="s">
        <v>106</v>
      </c>
      <c r="C12" s="9"/>
      <c r="D12" s="49">
        <v>53299</v>
      </c>
      <c r="E12" s="94">
        <v>28429</v>
      </c>
      <c r="F12" s="49">
        <v>13901</v>
      </c>
      <c r="G12" s="49">
        <v>5087</v>
      </c>
      <c r="H12" s="95">
        <v>14716</v>
      </c>
    </row>
    <row r="13" spans="1:17" ht="27" customHeight="1" x14ac:dyDescent="0.15">
      <c r="B13" s="67" t="s">
        <v>107</v>
      </c>
      <c r="C13" s="9"/>
      <c r="D13" s="48">
        <v>145607</v>
      </c>
      <c r="E13" s="48">
        <v>67091</v>
      </c>
      <c r="F13" s="48">
        <v>39559</v>
      </c>
      <c r="G13" s="48">
        <v>4991</v>
      </c>
      <c r="H13" s="93">
        <v>8139</v>
      </c>
    </row>
    <row r="14" spans="1:17" ht="27" customHeight="1" x14ac:dyDescent="0.15">
      <c r="A14" s="7"/>
      <c r="B14" s="67" t="s">
        <v>108</v>
      </c>
      <c r="C14" s="9"/>
      <c r="D14" s="47" t="s">
        <v>310</v>
      </c>
      <c r="E14" s="47" t="s">
        <v>311</v>
      </c>
      <c r="F14" s="47" t="s">
        <v>312</v>
      </c>
      <c r="G14" s="47">
        <v>89416</v>
      </c>
      <c r="H14" s="97">
        <v>75587</v>
      </c>
      <c r="I14" s="7"/>
    </row>
    <row r="15" spans="1:17" ht="27" customHeight="1" x14ac:dyDescent="0.15">
      <c r="A15" s="7"/>
      <c r="B15" s="67" t="s">
        <v>109</v>
      </c>
      <c r="C15" s="9"/>
      <c r="D15" s="49">
        <v>27179</v>
      </c>
      <c r="E15" s="94">
        <v>18401</v>
      </c>
      <c r="F15" s="49">
        <v>20137</v>
      </c>
      <c r="G15" s="49">
        <v>14238</v>
      </c>
      <c r="H15" s="95">
        <v>13698</v>
      </c>
      <c r="I15" s="7"/>
    </row>
    <row r="16" spans="1:17" ht="27" customHeight="1" x14ac:dyDescent="0.15">
      <c r="A16" s="7"/>
      <c r="B16" s="67" t="s">
        <v>110</v>
      </c>
      <c r="C16" s="9"/>
      <c r="D16" s="48">
        <v>4234</v>
      </c>
      <c r="E16" s="48">
        <v>3663</v>
      </c>
      <c r="F16" s="48">
        <v>3600</v>
      </c>
      <c r="G16" s="48">
        <v>4472</v>
      </c>
      <c r="H16" s="93" t="s">
        <v>313</v>
      </c>
      <c r="I16" s="7"/>
    </row>
    <row r="17" spans="1:9" ht="27" customHeight="1" x14ac:dyDescent="0.15">
      <c r="A17" s="7"/>
      <c r="B17" s="67" t="s">
        <v>111</v>
      </c>
      <c r="C17" s="9"/>
      <c r="D17" s="48">
        <v>31413</v>
      </c>
      <c r="E17" s="48">
        <v>22064</v>
      </c>
      <c r="F17" s="48">
        <v>23738</v>
      </c>
      <c r="G17" s="48">
        <v>18711</v>
      </c>
      <c r="H17" s="93">
        <v>2175</v>
      </c>
      <c r="I17" s="7"/>
    </row>
    <row r="18" spans="1:9" ht="27" customHeight="1" x14ac:dyDescent="0.15">
      <c r="A18" s="7"/>
      <c r="B18" s="67" t="s">
        <v>152</v>
      </c>
      <c r="C18" s="9"/>
      <c r="D18" s="50" t="s">
        <v>314</v>
      </c>
      <c r="E18" s="50" t="s">
        <v>315</v>
      </c>
      <c r="F18" s="50" t="s">
        <v>316</v>
      </c>
      <c r="G18" s="50">
        <v>70705</v>
      </c>
      <c r="H18" s="96">
        <v>73412</v>
      </c>
      <c r="I18" s="7"/>
    </row>
    <row r="19" spans="1:9" ht="27" customHeight="1" x14ac:dyDescent="0.15">
      <c r="A19" s="7"/>
      <c r="B19" s="67" t="s">
        <v>329</v>
      </c>
      <c r="C19" s="9"/>
      <c r="D19" s="50">
        <v>2100</v>
      </c>
      <c r="E19" s="50">
        <v>2786</v>
      </c>
      <c r="F19" s="50">
        <v>551</v>
      </c>
      <c r="G19" s="50">
        <v>479</v>
      </c>
      <c r="H19" s="96" t="s">
        <v>317</v>
      </c>
      <c r="I19" s="7"/>
    </row>
    <row r="20" spans="1:9" ht="27" customHeight="1" x14ac:dyDescent="0.15">
      <c r="A20" s="7"/>
      <c r="B20" s="69" t="s">
        <v>330</v>
      </c>
      <c r="C20" s="11"/>
      <c r="D20" s="50" t="s">
        <v>218</v>
      </c>
      <c r="E20" s="50" t="s">
        <v>219</v>
      </c>
      <c r="F20" s="50" t="s">
        <v>220</v>
      </c>
      <c r="G20" s="50">
        <v>70225</v>
      </c>
      <c r="H20" s="96">
        <v>74226</v>
      </c>
      <c r="I20" s="7"/>
    </row>
    <row r="21" spans="1:9" x14ac:dyDescent="0.15">
      <c r="A21" s="7"/>
      <c r="B21" s="23"/>
      <c r="C21" s="9"/>
      <c r="D21" s="15"/>
      <c r="E21" s="15"/>
      <c r="F21" s="15"/>
      <c r="G21" s="15"/>
      <c r="H21" s="15"/>
      <c r="I21" s="7"/>
    </row>
    <row r="22" spans="1:9" x14ac:dyDescent="0.15">
      <c r="A22" s="7"/>
      <c r="B22" s="23"/>
      <c r="C22" s="9"/>
      <c r="D22" s="15"/>
      <c r="E22" s="17"/>
      <c r="F22" s="17"/>
      <c r="G22" s="17"/>
      <c r="H22" s="17"/>
      <c r="I22" s="7"/>
    </row>
    <row r="23" spans="1:9" x14ac:dyDescent="0.15">
      <c r="A23" s="7"/>
      <c r="B23" s="23"/>
      <c r="C23" s="9"/>
      <c r="D23" s="15"/>
      <c r="E23" s="15"/>
      <c r="F23" s="15"/>
      <c r="G23" s="15"/>
      <c r="H23" s="15"/>
      <c r="I23" s="7"/>
    </row>
    <row r="24" spans="1:9" x14ac:dyDescent="0.15">
      <c r="B24" s="23"/>
      <c r="C24" s="9"/>
      <c r="D24" s="18"/>
      <c r="E24" s="18"/>
      <c r="F24" s="18"/>
      <c r="G24" s="18"/>
      <c r="H24" s="18"/>
    </row>
    <row r="25" spans="1:9" x14ac:dyDescent="0.15">
      <c r="B25" s="14"/>
      <c r="C25" s="9"/>
      <c r="D25" s="15"/>
      <c r="E25" s="15"/>
      <c r="F25" s="15"/>
      <c r="G25" s="15"/>
      <c r="H25" s="15"/>
    </row>
    <row r="26" spans="1:9" x14ac:dyDescent="0.15">
      <c r="B26" s="24"/>
      <c r="C26" s="9"/>
      <c r="D26" s="19"/>
      <c r="E26" s="19"/>
      <c r="F26" s="19"/>
      <c r="G26" s="19"/>
      <c r="H26" s="19"/>
    </row>
    <row r="27" spans="1:9" x14ac:dyDescent="0.15">
      <c r="A27" s="7"/>
      <c r="B27" s="23"/>
      <c r="C27" s="9"/>
      <c r="D27" s="17"/>
      <c r="E27" s="17"/>
      <c r="F27" s="17"/>
      <c r="G27" s="17"/>
      <c r="H27" s="17"/>
      <c r="I27" s="7"/>
    </row>
    <row r="28" spans="1:9" x14ac:dyDescent="0.15">
      <c r="A28" s="7"/>
      <c r="B28" s="23"/>
      <c r="C28" s="9"/>
      <c r="D28" s="15"/>
      <c r="E28" s="15"/>
      <c r="F28" s="15"/>
      <c r="G28" s="15"/>
      <c r="H28" s="15"/>
      <c r="I28" s="7"/>
    </row>
    <row r="29" spans="1:9" x14ac:dyDescent="0.15">
      <c r="A29" s="7"/>
      <c r="B29" s="23"/>
      <c r="C29" s="9"/>
      <c r="D29" s="15"/>
      <c r="E29" s="17"/>
      <c r="F29" s="17"/>
      <c r="G29" s="17"/>
      <c r="H29" s="17"/>
      <c r="I29" s="7"/>
    </row>
    <row r="30" spans="1:9" x14ac:dyDescent="0.15">
      <c r="A30" s="7"/>
      <c r="B30" s="23"/>
      <c r="C30" s="9"/>
      <c r="D30" s="15"/>
      <c r="E30" s="15"/>
      <c r="F30" s="15"/>
      <c r="G30" s="15"/>
      <c r="H30" s="15"/>
      <c r="I30" s="7"/>
    </row>
    <row r="31" spans="1:9" x14ac:dyDescent="0.15">
      <c r="A31" s="7"/>
      <c r="B31" s="14"/>
      <c r="C31" s="9"/>
      <c r="D31" s="15"/>
      <c r="E31" s="15"/>
      <c r="F31" s="15"/>
      <c r="G31" s="15"/>
      <c r="H31" s="15"/>
      <c r="I31" s="7"/>
    </row>
    <row r="32" spans="1:9" x14ac:dyDescent="0.15">
      <c r="A32" s="7"/>
      <c r="B32" s="24"/>
      <c r="C32" s="9"/>
      <c r="D32" s="19"/>
      <c r="E32" s="19"/>
      <c r="F32" s="19"/>
      <c r="G32" s="19"/>
      <c r="H32" s="19"/>
      <c r="I32" s="7"/>
    </row>
    <row r="33" spans="1:9" x14ac:dyDescent="0.15">
      <c r="B33" s="23"/>
      <c r="C33" s="9"/>
      <c r="D33" s="15"/>
      <c r="E33" s="15"/>
      <c r="F33" s="15"/>
      <c r="G33" s="15"/>
      <c r="H33" s="15"/>
    </row>
    <row r="34" spans="1:9" x14ac:dyDescent="0.15">
      <c r="B34" s="23"/>
      <c r="C34" s="9"/>
      <c r="D34" s="17"/>
      <c r="E34" s="17"/>
      <c r="F34" s="17"/>
      <c r="G34" s="17"/>
      <c r="H34" s="17"/>
    </row>
    <row r="35" spans="1:9" x14ac:dyDescent="0.15">
      <c r="A35" s="7"/>
      <c r="B35" s="23"/>
      <c r="C35" s="9"/>
      <c r="D35" s="15"/>
      <c r="E35" s="15"/>
      <c r="F35" s="15"/>
      <c r="G35" s="15"/>
      <c r="H35" s="15"/>
      <c r="I35" s="7"/>
    </row>
    <row r="36" spans="1:9" x14ac:dyDescent="0.15">
      <c r="A36" s="7"/>
      <c r="B36" s="23"/>
      <c r="C36" s="9"/>
      <c r="D36" s="18"/>
      <c r="E36" s="18"/>
      <c r="F36" s="18"/>
      <c r="G36" s="18"/>
      <c r="H36" s="18"/>
      <c r="I36" s="7"/>
    </row>
    <row r="37" spans="1:9" x14ac:dyDescent="0.15">
      <c r="A37" s="7"/>
      <c r="B37" s="14"/>
      <c r="C37" s="9"/>
      <c r="D37" s="15"/>
      <c r="E37" s="15"/>
      <c r="F37" s="15"/>
      <c r="G37" s="15"/>
      <c r="H37" s="15"/>
      <c r="I37" s="7"/>
    </row>
    <row r="38" spans="1:9" x14ac:dyDescent="0.15">
      <c r="A38" s="7"/>
      <c r="B38" s="14"/>
      <c r="C38" s="9"/>
      <c r="D38" s="20"/>
      <c r="E38" s="20"/>
      <c r="F38" s="20"/>
      <c r="G38" s="20"/>
      <c r="H38" s="20"/>
      <c r="I38" s="7"/>
    </row>
    <row r="39" spans="1:9" x14ac:dyDescent="0.15">
      <c r="B39" s="25"/>
      <c r="C39" s="9"/>
      <c r="D39" s="20"/>
      <c r="E39" s="20"/>
      <c r="F39" s="20"/>
      <c r="G39" s="20"/>
      <c r="H39" s="20"/>
    </row>
    <row r="40" spans="1:9" x14ac:dyDescent="0.15">
      <c r="A40" s="7"/>
      <c r="B40" s="24"/>
      <c r="C40" s="9"/>
      <c r="D40" s="20"/>
      <c r="E40" s="20"/>
      <c r="F40" s="20"/>
      <c r="G40" s="20"/>
      <c r="H40" s="20"/>
      <c r="I40" s="7"/>
    </row>
    <row r="41" spans="1:9" x14ac:dyDescent="0.15">
      <c r="A41" s="7"/>
      <c r="B41" s="24"/>
      <c r="C41" s="9"/>
      <c r="D41" s="20"/>
      <c r="E41" s="20"/>
      <c r="F41" s="20"/>
      <c r="G41" s="20"/>
      <c r="H41" s="20"/>
      <c r="I41" s="7"/>
    </row>
    <row r="42" spans="1:9" x14ac:dyDescent="0.15">
      <c r="A42" s="7"/>
      <c r="B42" s="14"/>
      <c r="C42" s="9"/>
      <c r="D42" s="26"/>
      <c r="E42" s="26"/>
      <c r="F42" s="26"/>
      <c r="G42" s="26"/>
      <c r="H42" s="26"/>
      <c r="I42" s="7"/>
    </row>
    <row r="43" spans="1:9" x14ac:dyDescent="0.15">
      <c r="B43" s="25"/>
      <c r="C43" s="9"/>
      <c r="D43" s="15"/>
      <c r="E43" s="15"/>
      <c r="F43" s="15"/>
      <c r="G43" s="15"/>
      <c r="H43" s="15"/>
    </row>
    <row r="44" spans="1:9" x14ac:dyDescent="0.15">
      <c r="B44" s="14"/>
      <c r="C44" s="9"/>
      <c r="D44" s="16"/>
      <c r="E44" s="16"/>
      <c r="F44" s="16"/>
      <c r="G44" s="16"/>
      <c r="H44" s="16"/>
    </row>
    <row r="45" spans="1:9" x14ac:dyDescent="0.15">
      <c r="B45" s="25"/>
      <c r="C45" s="9"/>
      <c r="D45" s="21"/>
      <c r="E45" s="21"/>
      <c r="F45" s="21"/>
      <c r="G45" s="21"/>
      <c r="H45" s="21"/>
    </row>
    <row r="46" spans="1:9" x14ac:dyDescent="0.15">
      <c r="A46" s="7"/>
      <c r="B46" s="24"/>
      <c r="C46" s="9"/>
      <c r="D46" s="16"/>
      <c r="E46" s="16"/>
      <c r="F46" s="16"/>
      <c r="G46" s="16"/>
      <c r="H46" s="16"/>
      <c r="I46" s="7"/>
    </row>
    <row r="47" spans="1:9" x14ac:dyDescent="0.15">
      <c r="A47" s="7"/>
      <c r="B47" s="24"/>
      <c r="C47" s="9"/>
      <c r="D47" s="16"/>
      <c r="E47" s="16"/>
      <c r="F47" s="16"/>
      <c r="G47" s="16"/>
      <c r="H47" s="16"/>
      <c r="I47" s="7"/>
    </row>
    <row r="48" spans="1:9" x14ac:dyDescent="0.15">
      <c r="A48" s="7"/>
      <c r="B48" s="24"/>
      <c r="C48" s="9"/>
      <c r="D48" s="16"/>
      <c r="E48" s="16"/>
      <c r="F48" s="16"/>
      <c r="G48" s="16"/>
      <c r="H48" s="16"/>
      <c r="I48" s="7"/>
    </row>
    <row r="49" spans="1:9" x14ac:dyDescent="0.15">
      <c r="A49" s="7"/>
      <c r="B49" s="24"/>
      <c r="C49" s="9"/>
      <c r="D49" s="16"/>
      <c r="E49" s="16"/>
      <c r="F49" s="16"/>
      <c r="G49" s="16"/>
      <c r="H49" s="16"/>
      <c r="I49" s="7"/>
    </row>
    <row r="50" spans="1:9" x14ac:dyDescent="0.15">
      <c r="A50" s="7"/>
      <c r="B50" s="24"/>
      <c r="C50" s="9"/>
      <c r="D50" s="16"/>
      <c r="E50" s="16"/>
      <c r="F50" s="16"/>
      <c r="G50" s="16"/>
      <c r="H50" s="16"/>
      <c r="I50" s="7"/>
    </row>
    <row r="51" spans="1:9" x14ac:dyDescent="0.15">
      <c r="A51" s="7"/>
      <c r="B51" s="24"/>
      <c r="C51" s="9"/>
      <c r="D51" s="16"/>
      <c r="E51" s="16"/>
      <c r="F51" s="16"/>
      <c r="G51" s="16"/>
      <c r="H51" s="16"/>
      <c r="I51" s="7"/>
    </row>
    <row r="52" spans="1:9" x14ac:dyDescent="0.15">
      <c r="B52" s="24"/>
      <c r="C52" s="9"/>
      <c r="D52" s="16"/>
      <c r="E52" s="16"/>
      <c r="F52" s="16"/>
      <c r="G52" s="16"/>
      <c r="H52" s="16"/>
    </row>
    <row r="53" spans="1:9" x14ac:dyDescent="0.15">
      <c r="B53" s="24"/>
      <c r="C53" s="9"/>
      <c r="D53" s="16"/>
      <c r="E53" s="16"/>
      <c r="F53" s="16"/>
      <c r="G53" s="16"/>
      <c r="H53" s="16"/>
    </row>
    <row r="54" spans="1:9" x14ac:dyDescent="0.15">
      <c r="B54" s="24"/>
      <c r="C54" s="9"/>
      <c r="D54" s="16"/>
      <c r="E54" s="16"/>
      <c r="F54" s="16"/>
      <c r="G54" s="16"/>
      <c r="H54" s="16"/>
    </row>
    <row r="55" spans="1:9" x14ac:dyDescent="0.15">
      <c r="B55" s="24"/>
      <c r="C55" s="9"/>
      <c r="D55" s="16"/>
      <c r="E55" s="16"/>
      <c r="F55" s="16"/>
      <c r="G55" s="16"/>
      <c r="H55" s="16"/>
    </row>
    <row r="56" spans="1:9" x14ac:dyDescent="0.15">
      <c r="B56" s="24"/>
      <c r="C56" s="9"/>
      <c r="D56" s="16"/>
      <c r="E56" s="16"/>
      <c r="F56" s="16"/>
      <c r="G56" s="16"/>
      <c r="H56" s="16"/>
    </row>
    <row r="57" spans="1:9" x14ac:dyDescent="0.15">
      <c r="A57" s="7"/>
      <c r="B57" s="24"/>
      <c r="C57" s="9"/>
      <c r="D57" s="16"/>
      <c r="E57" s="16"/>
      <c r="F57" s="16"/>
      <c r="G57" s="16"/>
      <c r="H57" s="16"/>
      <c r="I57" s="7"/>
    </row>
    <row r="58" spans="1:9" x14ac:dyDescent="0.15">
      <c r="A58" s="7"/>
      <c r="B58" s="14"/>
      <c r="C58" s="9"/>
      <c r="D58" s="16"/>
      <c r="E58" s="16"/>
      <c r="F58" s="16"/>
      <c r="G58" s="16"/>
      <c r="H58" s="16"/>
      <c r="I58" s="7"/>
    </row>
    <row r="59" spans="1:9" x14ac:dyDescent="0.15">
      <c r="A59" s="7"/>
      <c r="B59" s="25"/>
      <c r="C59" s="9"/>
      <c r="D59" s="21"/>
      <c r="E59" s="21"/>
      <c r="F59" s="21"/>
      <c r="G59" s="21"/>
      <c r="H59" s="21"/>
      <c r="I59" s="7"/>
    </row>
    <row r="60" spans="1:9" x14ac:dyDescent="0.15">
      <c r="A60" s="7"/>
      <c r="B60" s="24"/>
      <c r="C60" s="9"/>
      <c r="D60" s="16"/>
      <c r="E60" s="16"/>
      <c r="F60" s="16"/>
      <c r="G60" s="16"/>
      <c r="H60" s="16"/>
      <c r="I60" s="7"/>
    </row>
    <row r="61" spans="1:9" x14ac:dyDescent="0.15">
      <c r="A61" s="7"/>
      <c r="B61" s="24"/>
      <c r="C61" s="9"/>
      <c r="D61" s="16"/>
      <c r="E61" s="16"/>
      <c r="F61" s="16"/>
      <c r="G61" s="16"/>
      <c r="H61" s="16"/>
      <c r="I61" s="7"/>
    </row>
    <row r="62" spans="1:9" x14ac:dyDescent="0.15">
      <c r="A62" s="7"/>
      <c r="B62" s="24"/>
      <c r="C62" s="9"/>
      <c r="D62" s="16"/>
      <c r="E62" s="16"/>
      <c r="F62" s="16"/>
      <c r="G62" s="16"/>
      <c r="H62" s="16"/>
      <c r="I62" s="7"/>
    </row>
    <row r="63" spans="1:9" x14ac:dyDescent="0.15">
      <c r="A63" s="7"/>
      <c r="B63" s="24"/>
      <c r="C63" s="9"/>
      <c r="D63" s="16"/>
      <c r="E63" s="16"/>
      <c r="F63" s="16"/>
      <c r="G63" s="16"/>
      <c r="H63" s="16"/>
      <c r="I63" s="7"/>
    </row>
    <row r="64" spans="1:9" x14ac:dyDescent="0.15">
      <c r="B64" s="24"/>
      <c r="C64" s="9"/>
      <c r="D64" s="16"/>
      <c r="E64" s="16"/>
      <c r="F64" s="16"/>
      <c r="G64" s="16"/>
      <c r="H64" s="16"/>
    </row>
    <row r="65" spans="1:9" x14ac:dyDescent="0.15">
      <c r="B65" s="24"/>
      <c r="C65" s="9"/>
      <c r="D65" s="16"/>
      <c r="E65" s="16"/>
      <c r="F65" s="16"/>
      <c r="G65" s="16"/>
      <c r="H65" s="16"/>
    </row>
    <row r="66" spans="1:9" x14ac:dyDescent="0.15">
      <c r="B66" s="24"/>
      <c r="C66" s="9"/>
      <c r="D66" s="16"/>
      <c r="E66" s="16"/>
      <c r="F66" s="16"/>
      <c r="G66" s="16"/>
      <c r="H66" s="16"/>
    </row>
    <row r="67" spans="1:9" x14ac:dyDescent="0.15">
      <c r="A67" s="7"/>
      <c r="B67" s="14"/>
      <c r="C67" s="9"/>
      <c r="D67" s="16"/>
      <c r="E67" s="16"/>
      <c r="F67" s="16"/>
      <c r="G67" s="16"/>
      <c r="H67" s="16"/>
      <c r="I67" s="7"/>
    </row>
    <row r="68" spans="1:9" x14ac:dyDescent="0.15">
      <c r="A68" s="7"/>
      <c r="B68" s="25"/>
      <c r="C68" s="9"/>
      <c r="D68" s="16"/>
      <c r="E68" s="16"/>
      <c r="F68" s="16"/>
      <c r="G68" s="16"/>
      <c r="H68" s="16"/>
      <c r="I68" s="7"/>
    </row>
    <row r="69" spans="1:9" x14ac:dyDescent="0.15">
      <c r="A69" s="7"/>
      <c r="B69" s="14"/>
      <c r="C69" s="9"/>
      <c r="D69" s="16"/>
      <c r="E69" s="16"/>
      <c r="F69" s="16"/>
      <c r="G69" s="16"/>
      <c r="H69" s="16"/>
      <c r="I69" s="7"/>
    </row>
    <row r="70" spans="1:9" x14ac:dyDescent="0.15">
      <c r="A70" s="7"/>
      <c r="B70" s="25"/>
      <c r="C70" s="9"/>
      <c r="D70" s="21"/>
      <c r="E70" s="21"/>
      <c r="F70" s="21"/>
      <c r="G70" s="21"/>
      <c r="H70" s="21"/>
      <c r="I70" s="7"/>
    </row>
    <row r="71" spans="1:9" x14ac:dyDescent="0.15">
      <c r="A71" s="7"/>
      <c r="B71" s="24"/>
      <c r="C71" s="9"/>
      <c r="D71" s="16"/>
      <c r="E71" s="16"/>
      <c r="F71" s="16"/>
      <c r="G71" s="16"/>
      <c r="H71" s="16"/>
      <c r="I71" s="7"/>
    </row>
    <row r="72" spans="1:9" x14ac:dyDescent="0.15">
      <c r="A72" s="7"/>
      <c r="B72" s="24"/>
      <c r="C72" s="9"/>
      <c r="D72" s="16"/>
      <c r="E72" s="16"/>
      <c r="F72" s="16"/>
      <c r="G72" s="16"/>
      <c r="H72" s="16"/>
      <c r="I72" s="7"/>
    </row>
    <row r="73" spans="1:9" x14ac:dyDescent="0.15">
      <c r="A73" s="7"/>
      <c r="B73" s="24"/>
      <c r="C73" s="9"/>
      <c r="D73" s="18"/>
      <c r="E73" s="18"/>
      <c r="F73" s="18"/>
      <c r="G73" s="18"/>
      <c r="H73" s="18"/>
      <c r="I73" s="7"/>
    </row>
    <row r="74" spans="1:9" x14ac:dyDescent="0.15">
      <c r="A74" s="7"/>
      <c r="B74" s="24"/>
      <c r="C74" s="9"/>
      <c r="D74" s="18"/>
      <c r="E74" s="18"/>
      <c r="F74" s="18"/>
      <c r="G74" s="18"/>
      <c r="H74" s="18"/>
      <c r="I74" s="7"/>
    </row>
    <row r="75" spans="1:9" x14ac:dyDescent="0.15">
      <c r="A75" s="7"/>
      <c r="B75" s="14"/>
      <c r="C75" s="9"/>
      <c r="D75" s="16"/>
      <c r="E75" s="16"/>
      <c r="F75" s="16"/>
      <c r="G75" s="16"/>
      <c r="H75" s="16"/>
      <c r="I75" s="7"/>
    </row>
    <row r="76" spans="1:9" x14ac:dyDescent="0.15">
      <c r="A76" s="7"/>
      <c r="B76" s="25"/>
      <c r="C76" s="9"/>
      <c r="D76" s="21"/>
      <c r="E76" s="21"/>
      <c r="F76" s="21"/>
      <c r="G76" s="21"/>
      <c r="H76" s="21"/>
      <c r="I76" s="7"/>
    </row>
    <row r="77" spans="1:9" x14ac:dyDescent="0.15">
      <c r="A77" s="7"/>
      <c r="B77" s="24"/>
      <c r="C77" s="9"/>
      <c r="D77" s="18"/>
      <c r="E77" s="18"/>
      <c r="F77" s="18"/>
      <c r="G77" s="18"/>
      <c r="H77" s="18"/>
      <c r="I77" s="7"/>
    </row>
    <row r="78" spans="1:9" x14ac:dyDescent="0.15">
      <c r="A78" s="7"/>
      <c r="B78" s="24"/>
      <c r="C78" s="9"/>
      <c r="D78" s="18"/>
      <c r="E78" s="18"/>
      <c r="F78" s="18"/>
      <c r="G78" s="18"/>
      <c r="H78" s="18"/>
      <c r="I78" s="7"/>
    </row>
    <row r="79" spans="1:9" x14ac:dyDescent="0.15">
      <c r="A79" s="7"/>
      <c r="B79" s="24"/>
      <c r="C79" s="9"/>
      <c r="D79" s="18"/>
      <c r="E79" s="18"/>
      <c r="F79" s="18"/>
      <c r="G79" s="18"/>
      <c r="H79" s="18"/>
      <c r="I79" s="7"/>
    </row>
    <row r="80" spans="1:9" x14ac:dyDescent="0.15">
      <c r="A80" s="7"/>
      <c r="B80" s="24"/>
      <c r="C80" s="9"/>
      <c r="D80" s="18"/>
      <c r="E80" s="22"/>
      <c r="F80" s="22"/>
      <c r="G80" s="22"/>
      <c r="H80" s="22"/>
      <c r="I80" s="7"/>
    </row>
    <row r="81" spans="1:9" x14ac:dyDescent="0.15">
      <c r="A81" s="7"/>
      <c r="B81" s="24"/>
      <c r="C81" s="9"/>
      <c r="D81" s="22"/>
      <c r="E81" s="27"/>
      <c r="F81" s="27"/>
      <c r="G81" s="27"/>
      <c r="H81" s="27"/>
      <c r="I81" s="7"/>
    </row>
    <row r="82" spans="1:9" x14ac:dyDescent="0.15">
      <c r="B82" s="14"/>
      <c r="C82" s="9"/>
      <c r="D82" s="18"/>
      <c r="E82" s="18"/>
      <c r="F82" s="18"/>
      <c r="G82" s="18"/>
      <c r="H82" s="18"/>
    </row>
    <row r="83" spans="1:9" ht="26.25" customHeight="1" x14ac:dyDescent="0.15">
      <c r="B83" s="25"/>
      <c r="C83" s="9"/>
      <c r="D83" s="16"/>
      <c r="E83" s="16"/>
      <c r="F83" s="16"/>
      <c r="G83" s="16"/>
      <c r="H83" s="16"/>
    </row>
    <row r="84" spans="1:9" x14ac:dyDescent="0.15">
      <c r="B84" s="25"/>
      <c r="C84" s="9"/>
      <c r="D84" s="16"/>
      <c r="E84" s="16"/>
      <c r="F84" s="16"/>
      <c r="G84" s="16"/>
      <c r="H84" s="16"/>
    </row>
    <row r="85" spans="1:9" x14ac:dyDescent="0.15">
      <c r="A85" s="7"/>
      <c r="B85" s="14"/>
      <c r="C85" s="9"/>
      <c r="D85" s="16"/>
      <c r="E85" s="16"/>
      <c r="F85" s="16"/>
      <c r="G85" s="16"/>
      <c r="H85" s="16"/>
      <c r="I85" s="7"/>
    </row>
    <row r="86" spans="1:9" x14ac:dyDescent="0.15">
      <c r="A86" s="7"/>
      <c r="B86" s="14"/>
      <c r="C86" s="9"/>
      <c r="D86" s="10"/>
      <c r="E86" s="10"/>
      <c r="F86" s="10"/>
      <c r="G86" s="10"/>
      <c r="H86" s="10"/>
      <c r="I86" s="7"/>
    </row>
    <row r="87" spans="1:9" x14ac:dyDescent="0.15">
      <c r="A87" s="7"/>
      <c r="B87" s="14"/>
      <c r="C87" s="9"/>
      <c r="D87" s="10"/>
      <c r="E87" s="10"/>
      <c r="F87" s="10"/>
      <c r="G87" s="10"/>
      <c r="H87" s="10"/>
      <c r="I87" s="7"/>
    </row>
    <row r="88" spans="1:9" x14ac:dyDescent="0.15">
      <c r="B88" s="14"/>
      <c r="C88" s="9"/>
      <c r="D88" s="10"/>
      <c r="E88" s="10"/>
      <c r="F88" s="10"/>
      <c r="G88" s="10"/>
      <c r="H88" s="10"/>
    </row>
    <row r="90" spans="1:9" x14ac:dyDescent="0.15">
      <c r="E90" s="4"/>
      <c r="F90" s="4"/>
      <c r="G90" s="4"/>
      <c r="H90" s="4"/>
    </row>
  </sheetData>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1" manualBreakCount="1">
    <brk id="43"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87"/>
  <sheetViews>
    <sheetView showGridLines="0" zoomScale="120" zoomScaleNormal="120" zoomScaleSheetLayoutView="100" workbookViewId="0">
      <selection activeCell="I43" sqref="I43"/>
    </sheetView>
  </sheetViews>
  <sheetFormatPr defaultRowHeight="12" x14ac:dyDescent="0.15"/>
  <cols>
    <col min="1" max="1" width="2.625" style="1" customWidth="1"/>
    <col min="2" max="2" width="38.625" style="1" customWidth="1"/>
    <col min="3" max="3" width="3.125" style="1" customWidth="1"/>
    <col min="4" max="8" width="17.375" style="1" customWidth="1"/>
    <col min="9" max="9" width="1.75" style="1" customWidth="1"/>
    <col min="10" max="16384" width="9" style="1"/>
  </cols>
  <sheetData>
    <row r="1" spans="1:17" s="87" customFormat="1" ht="18.75" customHeight="1" x14ac:dyDescent="0.15">
      <c r="A1" s="81" t="s">
        <v>121</v>
      </c>
      <c r="B1" s="83"/>
      <c r="C1" s="84"/>
      <c r="D1" s="85"/>
      <c r="E1" s="81"/>
      <c r="F1" s="81"/>
      <c r="G1" s="81"/>
      <c r="H1" s="81"/>
      <c r="I1" s="81"/>
      <c r="J1" s="84"/>
      <c r="K1" s="84"/>
      <c r="L1" s="84"/>
      <c r="M1" s="85"/>
      <c r="N1" s="85"/>
      <c r="O1" s="85"/>
      <c r="P1" s="85"/>
      <c r="Q1" s="86"/>
    </row>
    <row r="2" spans="1:17" ht="20.25" x14ac:dyDescent="0.15">
      <c r="B2" s="5"/>
      <c r="E2" s="51"/>
      <c r="F2" s="51"/>
      <c r="G2" s="51"/>
      <c r="H2" s="51" t="s">
        <v>114</v>
      </c>
    </row>
    <row r="3" spans="1:17" ht="30" customHeight="1" x14ac:dyDescent="0.15">
      <c r="A3" s="2"/>
      <c r="B3" s="6"/>
      <c r="C3" s="3"/>
      <c r="D3" s="70" t="s">
        <v>140</v>
      </c>
      <c r="E3" s="70" t="s">
        <v>142</v>
      </c>
      <c r="F3" s="70" t="s">
        <v>188</v>
      </c>
      <c r="G3" s="70" t="s">
        <v>184</v>
      </c>
      <c r="H3" s="239" t="s">
        <v>204</v>
      </c>
      <c r="I3" s="240"/>
    </row>
    <row r="4" spans="1:17" ht="30" customHeight="1" x14ac:dyDescent="0.15">
      <c r="A4" s="2"/>
      <c r="B4" s="68" t="s">
        <v>15</v>
      </c>
      <c r="C4" s="12"/>
      <c r="D4" s="52">
        <v>17339</v>
      </c>
      <c r="E4" s="52" t="s">
        <v>233</v>
      </c>
      <c r="F4" s="52">
        <v>127231</v>
      </c>
      <c r="G4" s="52">
        <v>105270</v>
      </c>
      <c r="H4" s="98">
        <v>79043</v>
      </c>
      <c r="I4" s="7"/>
    </row>
    <row r="5" spans="1:17" s="71" customFormat="1" ht="30" customHeight="1" x14ac:dyDescent="0.15">
      <c r="A5" s="76"/>
      <c r="B5" s="208" t="s">
        <v>16</v>
      </c>
      <c r="C5" s="166"/>
      <c r="D5" s="52" t="s">
        <v>234</v>
      </c>
      <c r="E5" s="52" t="s">
        <v>235</v>
      </c>
      <c r="F5" s="52" t="s">
        <v>236</v>
      </c>
      <c r="G5" s="52" t="s">
        <v>237</v>
      </c>
      <c r="H5" s="98" t="s">
        <v>238</v>
      </c>
      <c r="I5" s="76"/>
    </row>
    <row r="6" spans="1:17" ht="30" customHeight="1" x14ac:dyDescent="0.15">
      <c r="A6" s="7"/>
      <c r="B6" s="67" t="s">
        <v>17</v>
      </c>
      <c r="C6" s="9"/>
      <c r="D6" s="52" t="s">
        <v>239</v>
      </c>
      <c r="E6" s="52" t="s">
        <v>240</v>
      </c>
      <c r="F6" s="52">
        <v>272199</v>
      </c>
      <c r="G6" s="52" t="s">
        <v>241</v>
      </c>
      <c r="H6" s="98" t="s">
        <v>242</v>
      </c>
      <c r="I6" s="7"/>
    </row>
    <row r="7" spans="1:17" ht="30" customHeight="1" x14ac:dyDescent="0.15">
      <c r="A7" s="7"/>
      <c r="B7" s="67" t="s">
        <v>116</v>
      </c>
      <c r="C7" s="9"/>
      <c r="D7" s="52">
        <v>16371</v>
      </c>
      <c r="E7" s="52" t="s">
        <v>320</v>
      </c>
      <c r="F7" s="52" t="s">
        <v>321</v>
      </c>
      <c r="G7" s="52">
        <v>852</v>
      </c>
      <c r="H7" s="98">
        <v>482</v>
      </c>
      <c r="I7" s="7"/>
    </row>
    <row r="8" spans="1:17" ht="30" customHeight="1" x14ac:dyDescent="0.15">
      <c r="A8" s="7"/>
      <c r="B8" s="67" t="s">
        <v>117</v>
      </c>
      <c r="C8" s="9"/>
      <c r="D8" s="52" t="s">
        <v>322</v>
      </c>
      <c r="E8" s="52" t="s">
        <v>323</v>
      </c>
      <c r="F8" s="52">
        <v>304310</v>
      </c>
      <c r="G8" s="52" t="s">
        <v>324</v>
      </c>
      <c r="H8" s="98" t="s">
        <v>325</v>
      </c>
      <c r="I8" s="7"/>
    </row>
    <row r="9" spans="1:17" ht="30" customHeight="1" x14ac:dyDescent="0.15">
      <c r="A9" s="7"/>
      <c r="B9" s="67" t="s">
        <v>118</v>
      </c>
      <c r="C9" s="9"/>
      <c r="D9" s="47">
        <v>350634</v>
      </c>
      <c r="E9" s="47">
        <v>232211</v>
      </c>
      <c r="F9" s="47">
        <v>149533</v>
      </c>
      <c r="G9" s="47">
        <v>453477</v>
      </c>
      <c r="H9" s="232">
        <v>404001</v>
      </c>
      <c r="I9" s="7"/>
    </row>
    <row r="10" spans="1:17" ht="30" customHeight="1" x14ac:dyDescent="0.15">
      <c r="A10" s="7"/>
      <c r="B10" s="109" t="s">
        <v>182</v>
      </c>
      <c r="C10" s="9"/>
      <c r="D10" s="47" t="s">
        <v>112</v>
      </c>
      <c r="E10" s="47" t="s">
        <v>112</v>
      </c>
      <c r="F10" s="47" t="s">
        <v>318</v>
      </c>
      <c r="G10" s="47" t="s">
        <v>319</v>
      </c>
      <c r="H10" s="232">
        <v>1374</v>
      </c>
      <c r="I10" s="7"/>
    </row>
    <row r="11" spans="1:17" ht="30" customHeight="1" x14ac:dyDescent="0.15">
      <c r="B11" s="69" t="s">
        <v>18</v>
      </c>
      <c r="C11" s="11"/>
      <c r="D11" s="50">
        <v>232211</v>
      </c>
      <c r="E11" s="50">
        <v>149533</v>
      </c>
      <c r="F11" s="50">
        <v>453477</v>
      </c>
      <c r="G11" s="50">
        <v>404001</v>
      </c>
      <c r="H11" s="96">
        <v>228798</v>
      </c>
    </row>
    <row r="12" spans="1:17" x14ac:dyDescent="0.15">
      <c r="A12" s="7"/>
      <c r="B12" s="13"/>
      <c r="C12" s="8"/>
      <c r="D12" s="49"/>
      <c r="E12" s="49"/>
      <c r="F12" s="49"/>
      <c r="G12" s="49"/>
      <c r="H12" s="49"/>
      <c r="I12" s="7"/>
    </row>
    <row r="13" spans="1:17" x14ac:dyDescent="0.15">
      <c r="A13" s="7"/>
      <c r="B13" s="14"/>
      <c r="C13" s="9"/>
      <c r="D13" s="47"/>
      <c r="E13" s="47"/>
      <c r="F13" s="47"/>
      <c r="G13" s="47"/>
      <c r="H13" s="47"/>
      <c r="I13" s="7"/>
    </row>
    <row r="14" spans="1:17" x14ac:dyDescent="0.15">
      <c r="A14" s="7"/>
      <c r="B14" s="14"/>
      <c r="C14" s="9"/>
      <c r="D14" s="47"/>
      <c r="E14" s="47"/>
      <c r="F14" s="47"/>
      <c r="G14" s="47"/>
      <c r="H14" s="47"/>
      <c r="I14" s="7"/>
    </row>
    <row r="15" spans="1:17" x14ac:dyDescent="0.15">
      <c r="A15" s="7"/>
      <c r="B15" s="14"/>
      <c r="C15" s="9"/>
      <c r="D15" s="47"/>
      <c r="E15" s="47"/>
      <c r="F15" s="47"/>
      <c r="G15" s="47"/>
      <c r="H15" s="47"/>
      <c r="I15" s="7"/>
    </row>
    <row r="16" spans="1:17" x14ac:dyDescent="0.15">
      <c r="A16" s="7"/>
      <c r="B16" s="14"/>
      <c r="C16" s="9"/>
      <c r="D16" s="47"/>
      <c r="E16" s="47"/>
      <c r="F16" s="47"/>
      <c r="G16" s="47"/>
      <c r="H16" s="47"/>
      <c r="I16" s="7"/>
    </row>
    <row r="17" spans="1:9" x14ac:dyDescent="0.15">
      <c r="A17" s="7"/>
      <c r="B17" s="14"/>
      <c r="C17" s="9"/>
      <c r="D17" s="47"/>
      <c r="E17" s="47"/>
      <c r="F17" s="47"/>
      <c r="G17" s="47"/>
      <c r="H17" s="47"/>
      <c r="I17" s="7"/>
    </row>
    <row r="18" spans="1:9" x14ac:dyDescent="0.15">
      <c r="A18" s="7"/>
      <c r="B18" s="23"/>
      <c r="C18" s="9"/>
      <c r="D18" s="15"/>
      <c r="E18" s="15"/>
      <c r="F18" s="15"/>
      <c r="G18" s="15"/>
      <c r="H18" s="15"/>
      <c r="I18" s="7"/>
    </row>
    <row r="19" spans="1:9" x14ac:dyDescent="0.15">
      <c r="A19" s="7"/>
      <c r="B19" s="23"/>
      <c r="C19" s="9"/>
      <c r="D19" s="15"/>
      <c r="E19" s="17"/>
      <c r="F19" s="17"/>
      <c r="G19" s="17"/>
      <c r="H19" s="17"/>
      <c r="I19" s="7"/>
    </row>
    <row r="20" spans="1:9" x14ac:dyDescent="0.15">
      <c r="A20" s="7"/>
      <c r="B20" s="23"/>
      <c r="C20" s="9"/>
      <c r="D20" s="15"/>
      <c r="E20" s="15"/>
      <c r="F20" s="15"/>
      <c r="G20" s="15"/>
      <c r="H20" s="15"/>
      <c r="I20" s="7"/>
    </row>
    <row r="21" spans="1:9" x14ac:dyDescent="0.15">
      <c r="B21" s="23"/>
      <c r="C21" s="9"/>
      <c r="D21" s="18"/>
      <c r="E21" s="18"/>
      <c r="F21" s="18"/>
      <c r="G21" s="18"/>
      <c r="H21" s="18"/>
    </row>
    <row r="22" spans="1:9" x14ac:dyDescent="0.15">
      <c r="B22" s="14"/>
      <c r="C22" s="9"/>
      <c r="D22" s="15"/>
      <c r="E22" s="15"/>
      <c r="F22" s="15"/>
      <c r="G22" s="15"/>
      <c r="H22" s="15"/>
    </row>
    <row r="23" spans="1:9" x14ac:dyDescent="0.15">
      <c r="B23" s="24"/>
      <c r="C23" s="9"/>
      <c r="D23" s="19"/>
      <c r="E23" s="19"/>
      <c r="F23" s="19"/>
      <c r="G23" s="19"/>
      <c r="H23" s="19"/>
    </row>
    <row r="24" spans="1:9" x14ac:dyDescent="0.15">
      <c r="A24" s="7"/>
      <c r="B24" s="23"/>
      <c r="C24" s="9"/>
      <c r="D24" s="17"/>
      <c r="E24" s="17"/>
      <c r="F24" s="17"/>
      <c r="G24" s="17"/>
      <c r="H24" s="17"/>
      <c r="I24" s="7"/>
    </row>
    <row r="25" spans="1:9" x14ac:dyDescent="0.15">
      <c r="A25" s="7"/>
      <c r="B25" s="23"/>
      <c r="C25" s="9"/>
      <c r="D25" s="15"/>
      <c r="E25" s="15"/>
      <c r="F25" s="15"/>
      <c r="G25" s="15"/>
      <c r="H25" s="15"/>
      <c r="I25" s="7"/>
    </row>
    <row r="26" spans="1:9" x14ac:dyDescent="0.15">
      <c r="A26" s="7"/>
      <c r="B26" s="23"/>
      <c r="C26" s="9"/>
      <c r="D26" s="15"/>
      <c r="E26" s="17"/>
      <c r="F26" s="17"/>
      <c r="G26" s="17"/>
      <c r="H26" s="17"/>
      <c r="I26" s="7"/>
    </row>
    <row r="27" spans="1:9" x14ac:dyDescent="0.15">
      <c r="A27" s="7"/>
      <c r="B27" s="23"/>
      <c r="C27" s="9"/>
      <c r="D27" s="15"/>
      <c r="E27" s="15"/>
      <c r="F27" s="15"/>
      <c r="G27" s="15"/>
      <c r="H27" s="15"/>
      <c r="I27" s="7"/>
    </row>
    <row r="28" spans="1:9" x14ac:dyDescent="0.15">
      <c r="A28" s="7"/>
      <c r="B28" s="14"/>
      <c r="C28" s="9"/>
      <c r="D28" s="15"/>
      <c r="E28" s="15"/>
      <c r="F28" s="15"/>
      <c r="G28" s="15"/>
      <c r="H28" s="15"/>
      <c r="I28" s="7"/>
    </row>
    <row r="29" spans="1:9" x14ac:dyDescent="0.15">
      <c r="A29" s="7"/>
      <c r="B29" s="24"/>
      <c r="C29" s="9"/>
      <c r="D29" s="19"/>
      <c r="E29" s="19"/>
      <c r="F29" s="19"/>
      <c r="G29" s="19"/>
      <c r="H29" s="19"/>
      <c r="I29" s="7"/>
    </row>
    <row r="30" spans="1:9" x14ac:dyDescent="0.15">
      <c r="B30" s="23"/>
      <c r="C30" s="9"/>
      <c r="D30" s="15"/>
      <c r="E30" s="15"/>
      <c r="F30" s="15"/>
      <c r="G30" s="15"/>
      <c r="H30" s="15"/>
    </row>
    <row r="31" spans="1:9" x14ac:dyDescent="0.15">
      <c r="B31" s="23"/>
      <c r="C31" s="9"/>
      <c r="D31" s="17"/>
      <c r="E31" s="17"/>
      <c r="F31" s="17"/>
      <c r="G31" s="17"/>
      <c r="H31" s="17"/>
    </row>
    <row r="32" spans="1:9" x14ac:dyDescent="0.15">
      <c r="A32" s="7"/>
      <c r="B32" s="23"/>
      <c r="C32" s="9"/>
      <c r="D32" s="15"/>
      <c r="E32" s="15"/>
      <c r="F32" s="15"/>
      <c r="G32" s="15"/>
      <c r="H32" s="15"/>
      <c r="I32" s="7"/>
    </row>
    <row r="33" spans="1:9" x14ac:dyDescent="0.15">
      <c r="A33" s="7"/>
      <c r="B33" s="23"/>
      <c r="C33" s="9"/>
      <c r="D33" s="18"/>
      <c r="E33" s="18"/>
      <c r="F33" s="18"/>
      <c r="G33" s="18"/>
      <c r="H33" s="18"/>
      <c r="I33" s="7"/>
    </row>
    <row r="34" spans="1:9" x14ac:dyDescent="0.15">
      <c r="A34" s="7"/>
      <c r="B34" s="14"/>
      <c r="C34" s="9"/>
      <c r="D34" s="15"/>
      <c r="E34" s="15"/>
      <c r="F34" s="15"/>
      <c r="G34" s="15"/>
      <c r="H34" s="15"/>
      <c r="I34" s="7"/>
    </row>
    <row r="35" spans="1:9" x14ac:dyDescent="0.15">
      <c r="A35" s="7"/>
      <c r="B35" s="14"/>
      <c r="C35" s="9"/>
      <c r="D35" s="20"/>
      <c r="E35" s="20"/>
      <c r="F35" s="20"/>
      <c r="G35" s="20"/>
      <c r="H35" s="20"/>
      <c r="I35" s="7"/>
    </row>
    <row r="36" spans="1:9" x14ac:dyDescent="0.15">
      <c r="B36" s="25"/>
      <c r="C36" s="9"/>
      <c r="D36" s="20"/>
      <c r="E36" s="20"/>
      <c r="F36" s="20"/>
      <c r="G36" s="20"/>
      <c r="H36" s="20"/>
    </row>
    <row r="37" spans="1:9" x14ac:dyDescent="0.15">
      <c r="A37" s="7"/>
      <c r="B37" s="24"/>
      <c r="C37" s="9"/>
      <c r="D37" s="20"/>
      <c r="E37" s="20"/>
      <c r="F37" s="20"/>
      <c r="G37" s="20"/>
      <c r="H37" s="20"/>
      <c r="I37" s="7"/>
    </row>
    <row r="38" spans="1:9" x14ac:dyDescent="0.15">
      <c r="A38" s="7"/>
      <c r="B38" s="24"/>
      <c r="C38" s="9"/>
      <c r="D38" s="20"/>
      <c r="E38" s="20"/>
      <c r="F38" s="20"/>
      <c r="G38" s="20"/>
      <c r="H38" s="20"/>
      <c r="I38" s="7"/>
    </row>
    <row r="39" spans="1:9" x14ac:dyDescent="0.15">
      <c r="A39" s="7"/>
      <c r="B39" s="14"/>
      <c r="C39" s="9"/>
      <c r="D39" s="26"/>
      <c r="E39" s="26"/>
      <c r="F39" s="26"/>
      <c r="G39" s="26"/>
      <c r="H39" s="26"/>
      <c r="I39" s="7"/>
    </row>
    <row r="40" spans="1:9" x14ac:dyDescent="0.15">
      <c r="B40" s="25"/>
      <c r="C40" s="9"/>
      <c r="D40" s="15"/>
      <c r="E40" s="15"/>
      <c r="F40" s="15"/>
      <c r="G40" s="15"/>
      <c r="H40" s="15"/>
    </row>
    <row r="41" spans="1:9" x14ac:dyDescent="0.15">
      <c r="B41" s="14"/>
      <c r="C41" s="9"/>
      <c r="D41" s="16"/>
      <c r="E41" s="16"/>
      <c r="F41" s="16"/>
      <c r="G41" s="16"/>
      <c r="H41" s="16"/>
    </row>
    <row r="42" spans="1:9" x14ac:dyDescent="0.15">
      <c r="B42" s="25"/>
      <c r="C42" s="9"/>
      <c r="D42" s="21"/>
      <c r="E42" s="21"/>
      <c r="F42" s="21"/>
      <c r="G42" s="21"/>
      <c r="H42" s="21"/>
    </row>
    <row r="43" spans="1:9" x14ac:dyDescent="0.15">
      <c r="A43" s="7"/>
      <c r="B43" s="24"/>
      <c r="C43" s="9"/>
      <c r="D43" s="16"/>
      <c r="E43" s="16"/>
      <c r="F43" s="16"/>
      <c r="G43" s="16"/>
      <c r="H43" s="16"/>
      <c r="I43" s="7"/>
    </row>
    <row r="44" spans="1:9" x14ac:dyDescent="0.15">
      <c r="A44" s="7"/>
      <c r="B44" s="24"/>
      <c r="C44" s="9"/>
      <c r="D44" s="16"/>
      <c r="E44" s="16"/>
      <c r="F44" s="16"/>
      <c r="G44" s="16"/>
      <c r="H44" s="16"/>
      <c r="I44" s="7"/>
    </row>
    <row r="45" spans="1:9" x14ac:dyDescent="0.15">
      <c r="A45" s="7"/>
      <c r="B45" s="24"/>
      <c r="C45" s="9"/>
      <c r="D45" s="16"/>
      <c r="E45" s="16"/>
      <c r="F45" s="16"/>
      <c r="G45" s="16"/>
      <c r="H45" s="16"/>
      <c r="I45" s="7"/>
    </row>
    <row r="46" spans="1:9" x14ac:dyDescent="0.15">
      <c r="A46" s="7"/>
      <c r="B46" s="24"/>
      <c r="C46" s="9"/>
      <c r="D46" s="16"/>
      <c r="E46" s="16"/>
      <c r="F46" s="16"/>
      <c r="G46" s="16"/>
      <c r="H46" s="16"/>
      <c r="I46" s="7"/>
    </row>
    <row r="47" spans="1:9" x14ac:dyDescent="0.15">
      <c r="A47" s="7"/>
      <c r="B47" s="24"/>
      <c r="C47" s="9"/>
      <c r="D47" s="16"/>
      <c r="E47" s="16"/>
      <c r="F47" s="16"/>
      <c r="G47" s="16"/>
      <c r="H47" s="16"/>
      <c r="I47" s="7"/>
    </row>
    <row r="48" spans="1:9" x14ac:dyDescent="0.15">
      <c r="A48" s="7"/>
      <c r="B48" s="24"/>
      <c r="C48" s="9"/>
      <c r="D48" s="16"/>
      <c r="E48" s="16"/>
      <c r="F48" s="16"/>
      <c r="G48" s="16"/>
      <c r="H48" s="16"/>
      <c r="I48" s="7"/>
    </row>
    <row r="49" spans="1:9" x14ac:dyDescent="0.15">
      <c r="B49" s="24"/>
      <c r="C49" s="9"/>
      <c r="D49" s="16"/>
      <c r="E49" s="16"/>
      <c r="F49" s="16"/>
      <c r="G49" s="16"/>
      <c r="H49" s="16"/>
    </row>
    <row r="50" spans="1:9" x14ac:dyDescent="0.15">
      <c r="B50" s="24"/>
      <c r="C50" s="9"/>
      <c r="D50" s="16"/>
      <c r="E50" s="16"/>
      <c r="F50" s="16"/>
      <c r="G50" s="16"/>
      <c r="H50" s="16"/>
    </row>
    <row r="51" spans="1:9" x14ac:dyDescent="0.15">
      <c r="B51" s="24"/>
      <c r="C51" s="9"/>
      <c r="D51" s="16"/>
      <c r="E51" s="16"/>
      <c r="F51" s="16"/>
      <c r="G51" s="16"/>
      <c r="H51" s="16"/>
    </row>
    <row r="52" spans="1:9" x14ac:dyDescent="0.15">
      <c r="B52" s="24"/>
      <c r="C52" s="9"/>
      <c r="D52" s="16"/>
      <c r="E52" s="16"/>
      <c r="F52" s="16"/>
      <c r="G52" s="16"/>
      <c r="H52" s="16"/>
    </row>
    <row r="53" spans="1:9" x14ac:dyDescent="0.15">
      <c r="B53" s="24"/>
      <c r="C53" s="9"/>
      <c r="D53" s="16"/>
      <c r="E53" s="16"/>
      <c r="F53" s="16"/>
      <c r="G53" s="16"/>
      <c r="H53" s="16"/>
    </row>
    <row r="54" spans="1:9" x14ac:dyDescent="0.15">
      <c r="A54" s="7"/>
      <c r="B54" s="24"/>
      <c r="C54" s="9"/>
      <c r="D54" s="16"/>
      <c r="E54" s="16"/>
      <c r="F54" s="16"/>
      <c r="G54" s="16"/>
      <c r="H54" s="16"/>
      <c r="I54" s="7"/>
    </row>
    <row r="55" spans="1:9" x14ac:dyDescent="0.15">
      <c r="A55" s="7"/>
      <c r="B55" s="14"/>
      <c r="C55" s="9"/>
      <c r="D55" s="16"/>
      <c r="E55" s="16"/>
      <c r="F55" s="16"/>
      <c r="G55" s="16"/>
      <c r="H55" s="16"/>
      <c r="I55" s="7"/>
    </row>
    <row r="56" spans="1:9" x14ac:dyDescent="0.15">
      <c r="A56" s="7"/>
      <c r="B56" s="25"/>
      <c r="C56" s="9"/>
      <c r="D56" s="21"/>
      <c r="E56" s="21"/>
      <c r="F56" s="21"/>
      <c r="G56" s="21"/>
      <c r="H56" s="21"/>
      <c r="I56" s="7"/>
    </row>
    <row r="57" spans="1:9" x14ac:dyDescent="0.15">
      <c r="A57" s="7"/>
      <c r="B57" s="24"/>
      <c r="C57" s="9"/>
      <c r="D57" s="16"/>
      <c r="E57" s="16"/>
      <c r="F57" s="16"/>
      <c r="G57" s="16"/>
      <c r="H57" s="16"/>
      <c r="I57" s="7"/>
    </row>
    <row r="58" spans="1:9" x14ac:dyDescent="0.15">
      <c r="A58" s="7"/>
      <c r="B58" s="24"/>
      <c r="C58" s="9"/>
      <c r="D58" s="16"/>
      <c r="E58" s="16"/>
      <c r="F58" s="16"/>
      <c r="G58" s="16"/>
      <c r="H58" s="16"/>
      <c r="I58" s="7"/>
    </row>
    <row r="59" spans="1:9" x14ac:dyDescent="0.15">
      <c r="A59" s="7"/>
      <c r="B59" s="24"/>
      <c r="C59" s="9"/>
      <c r="D59" s="16"/>
      <c r="E59" s="16"/>
      <c r="F59" s="16"/>
      <c r="G59" s="16"/>
      <c r="H59" s="16"/>
      <c r="I59" s="7"/>
    </row>
    <row r="60" spans="1:9" x14ac:dyDescent="0.15">
      <c r="A60" s="7"/>
      <c r="B60" s="24"/>
      <c r="C60" s="9"/>
      <c r="D60" s="16"/>
      <c r="E60" s="16"/>
      <c r="F60" s="16"/>
      <c r="G60" s="16"/>
      <c r="H60" s="16"/>
      <c r="I60" s="7"/>
    </row>
    <row r="61" spans="1:9" x14ac:dyDescent="0.15">
      <c r="B61" s="24"/>
      <c r="C61" s="9"/>
      <c r="D61" s="16"/>
      <c r="E61" s="16"/>
      <c r="F61" s="16"/>
      <c r="G61" s="16"/>
      <c r="H61" s="16"/>
    </row>
    <row r="62" spans="1:9" x14ac:dyDescent="0.15">
      <c r="B62" s="24"/>
      <c r="C62" s="9"/>
      <c r="D62" s="16"/>
      <c r="E62" s="16"/>
      <c r="F62" s="16"/>
      <c r="G62" s="16"/>
      <c r="H62" s="16"/>
    </row>
    <row r="63" spans="1:9" x14ac:dyDescent="0.15">
      <c r="B63" s="24"/>
      <c r="C63" s="9"/>
      <c r="D63" s="16"/>
      <c r="E63" s="16"/>
      <c r="F63" s="16"/>
      <c r="G63" s="16"/>
      <c r="H63" s="16"/>
    </row>
    <row r="64" spans="1:9" x14ac:dyDescent="0.15">
      <c r="A64" s="7"/>
      <c r="B64" s="14"/>
      <c r="C64" s="9"/>
      <c r="D64" s="16"/>
      <c r="E64" s="16"/>
      <c r="F64" s="16"/>
      <c r="G64" s="16"/>
      <c r="H64" s="16"/>
      <c r="I64" s="7"/>
    </row>
    <row r="65" spans="1:9" x14ac:dyDescent="0.15">
      <c r="A65" s="7"/>
      <c r="B65" s="25"/>
      <c r="C65" s="9"/>
      <c r="D65" s="16"/>
      <c r="E65" s="16"/>
      <c r="F65" s="16"/>
      <c r="G65" s="16"/>
      <c r="H65" s="16"/>
      <c r="I65" s="7"/>
    </row>
    <row r="66" spans="1:9" x14ac:dyDescent="0.15">
      <c r="A66" s="7"/>
      <c r="B66" s="14"/>
      <c r="C66" s="9"/>
      <c r="D66" s="16"/>
      <c r="E66" s="16"/>
      <c r="F66" s="16"/>
      <c r="G66" s="16"/>
      <c r="H66" s="16"/>
      <c r="I66" s="7"/>
    </row>
    <row r="67" spans="1:9" x14ac:dyDescent="0.15">
      <c r="A67" s="7"/>
      <c r="B67" s="25"/>
      <c r="C67" s="9"/>
      <c r="D67" s="21"/>
      <c r="E67" s="21"/>
      <c r="F67" s="21"/>
      <c r="G67" s="21"/>
      <c r="H67" s="21"/>
      <c r="I67" s="7"/>
    </row>
    <row r="68" spans="1:9" x14ac:dyDescent="0.15">
      <c r="A68" s="7"/>
      <c r="B68" s="24"/>
      <c r="C68" s="9"/>
      <c r="D68" s="16"/>
      <c r="E68" s="16"/>
      <c r="F68" s="16"/>
      <c r="G68" s="16"/>
      <c r="H68" s="16"/>
      <c r="I68" s="7"/>
    </row>
    <row r="69" spans="1:9" x14ac:dyDescent="0.15">
      <c r="A69" s="7"/>
      <c r="B69" s="24"/>
      <c r="C69" s="9"/>
      <c r="D69" s="16"/>
      <c r="E69" s="16"/>
      <c r="F69" s="16"/>
      <c r="G69" s="16"/>
      <c r="H69" s="16"/>
      <c r="I69" s="7"/>
    </row>
    <row r="70" spans="1:9" x14ac:dyDescent="0.15">
      <c r="A70" s="7"/>
      <c r="B70" s="24"/>
      <c r="C70" s="9"/>
      <c r="D70" s="18"/>
      <c r="E70" s="18"/>
      <c r="F70" s="18"/>
      <c r="G70" s="18"/>
      <c r="H70" s="18"/>
      <c r="I70" s="7"/>
    </row>
    <row r="71" spans="1:9" x14ac:dyDescent="0.15">
      <c r="A71" s="7"/>
      <c r="B71" s="24"/>
      <c r="C71" s="9"/>
      <c r="D71" s="18"/>
      <c r="E71" s="18"/>
      <c r="F71" s="18"/>
      <c r="G71" s="18"/>
      <c r="H71" s="18"/>
      <c r="I71" s="7"/>
    </row>
    <row r="72" spans="1:9" x14ac:dyDescent="0.15">
      <c r="A72" s="7"/>
      <c r="B72" s="14"/>
      <c r="C72" s="9"/>
      <c r="D72" s="16"/>
      <c r="E72" s="16"/>
      <c r="F72" s="16"/>
      <c r="G72" s="16"/>
      <c r="H72" s="16"/>
      <c r="I72" s="7"/>
    </row>
    <row r="73" spans="1:9" x14ac:dyDescent="0.15">
      <c r="A73" s="7"/>
      <c r="B73" s="25"/>
      <c r="C73" s="9"/>
      <c r="D73" s="21"/>
      <c r="E73" s="21"/>
      <c r="F73" s="21"/>
      <c r="G73" s="21"/>
      <c r="H73" s="21"/>
      <c r="I73" s="7"/>
    </row>
    <row r="74" spans="1:9" x14ac:dyDescent="0.15">
      <c r="A74" s="7"/>
      <c r="B74" s="24"/>
      <c r="C74" s="9"/>
      <c r="D74" s="18"/>
      <c r="E74" s="18"/>
      <c r="F74" s="18"/>
      <c r="G74" s="18"/>
      <c r="H74" s="18"/>
      <c r="I74" s="7"/>
    </row>
    <row r="75" spans="1:9" x14ac:dyDescent="0.15">
      <c r="A75" s="7"/>
      <c r="B75" s="24"/>
      <c r="C75" s="9"/>
      <c r="D75" s="18"/>
      <c r="E75" s="18"/>
      <c r="F75" s="18"/>
      <c r="G75" s="18"/>
      <c r="H75" s="18"/>
      <c r="I75" s="7"/>
    </row>
    <row r="76" spans="1:9" x14ac:dyDescent="0.15">
      <c r="A76" s="7"/>
      <c r="B76" s="24"/>
      <c r="C76" s="9"/>
      <c r="D76" s="18"/>
      <c r="E76" s="18"/>
      <c r="F76" s="18"/>
      <c r="G76" s="18"/>
      <c r="H76" s="18"/>
      <c r="I76" s="7"/>
    </row>
    <row r="77" spans="1:9" x14ac:dyDescent="0.15">
      <c r="A77" s="7"/>
      <c r="B77" s="24"/>
      <c r="C77" s="9"/>
      <c r="D77" s="18"/>
      <c r="E77" s="22"/>
      <c r="F77" s="22"/>
      <c r="G77" s="22"/>
      <c r="H77" s="22"/>
      <c r="I77" s="7"/>
    </row>
    <row r="78" spans="1:9" x14ac:dyDescent="0.15">
      <c r="A78" s="7"/>
      <c r="B78" s="24"/>
      <c r="C78" s="9"/>
      <c r="D78" s="22"/>
      <c r="E78" s="27"/>
      <c r="F78" s="27"/>
      <c r="G78" s="27"/>
      <c r="H78" s="27"/>
      <c r="I78" s="7"/>
    </row>
    <row r="79" spans="1:9" x14ac:dyDescent="0.15">
      <c r="B79" s="14"/>
      <c r="C79" s="9"/>
      <c r="D79" s="18"/>
      <c r="E79" s="18"/>
      <c r="F79" s="18"/>
      <c r="G79" s="18"/>
      <c r="H79" s="18"/>
    </row>
    <row r="80" spans="1:9" ht="26.25" customHeight="1" x14ac:dyDescent="0.15">
      <c r="B80" s="25"/>
      <c r="C80" s="9"/>
      <c r="D80" s="16"/>
      <c r="E80" s="16"/>
      <c r="F80" s="16"/>
      <c r="G80" s="16"/>
      <c r="H80" s="16"/>
    </row>
    <row r="81" spans="1:9" x14ac:dyDescent="0.15">
      <c r="B81" s="25"/>
      <c r="C81" s="9"/>
      <c r="D81" s="16"/>
      <c r="E81" s="16"/>
      <c r="F81" s="16"/>
      <c r="G81" s="16"/>
      <c r="H81" s="16"/>
    </row>
    <row r="82" spans="1:9" x14ac:dyDescent="0.15">
      <c r="A82" s="7"/>
      <c r="B82" s="14"/>
      <c r="C82" s="9"/>
      <c r="D82" s="16"/>
      <c r="E82" s="16"/>
      <c r="F82" s="16"/>
      <c r="G82" s="16"/>
      <c r="H82" s="16"/>
      <c r="I82" s="7"/>
    </row>
    <row r="83" spans="1:9" x14ac:dyDescent="0.15">
      <c r="A83" s="7"/>
      <c r="B83" s="14"/>
      <c r="C83" s="9"/>
      <c r="D83" s="10"/>
      <c r="E83" s="10"/>
      <c r="F83" s="10"/>
      <c r="G83" s="10"/>
      <c r="H83" s="10"/>
      <c r="I83" s="7"/>
    </row>
    <row r="84" spans="1:9" x14ac:dyDescent="0.15">
      <c r="A84" s="7"/>
      <c r="B84" s="14"/>
      <c r="C84" s="9"/>
      <c r="D84" s="10"/>
      <c r="E84" s="10"/>
      <c r="F84" s="10"/>
      <c r="G84" s="10"/>
      <c r="H84" s="10"/>
      <c r="I84" s="7"/>
    </row>
    <row r="85" spans="1:9" x14ac:dyDescent="0.15">
      <c r="B85" s="14"/>
      <c r="C85" s="9"/>
      <c r="D85" s="10"/>
      <c r="E85" s="10"/>
      <c r="F85" s="10"/>
      <c r="G85" s="10"/>
      <c r="H85" s="10"/>
    </row>
    <row r="87" spans="1:9" x14ac:dyDescent="0.15">
      <c r="E87" s="4"/>
      <c r="F87" s="4"/>
      <c r="G87" s="4"/>
      <c r="H87" s="4"/>
    </row>
  </sheetData>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1" manualBreakCount="1">
    <brk id="40" max="8"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3852F8D07C7C5A4AB91BF6EA1D250B83" ma:contentTypeVersion="" ma:contentTypeDescription="Create a new document." ma:contentTypeScope="" ma:versionID="3f5fd927df0e01ab3ce4f41be3242115">
  <xsd:schema xmlns:xsd="http://www.w3.org/2001/XMLSchema" xmlns:xs="http://www.w3.org/2001/XMLSchema" xmlns:p="http://schemas.microsoft.com/office/2006/metadata/properties" targetNamespace="http://schemas.microsoft.com/office/2006/metadata/properties" ma:root="true" ma:fieldsID="f3e687d5f98ee29b9cfcc2ff24550dc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A322303-DF38-4192-938F-EAA2F8309A8F}">
  <ds:schemaRefs>
    <ds:schemaRef ds:uri="http://schemas.microsoft.com/sharepoint/v3/contenttype/forms"/>
  </ds:schemaRefs>
</ds:datastoreItem>
</file>

<file path=customXml/itemProps2.xml><?xml version="1.0" encoding="utf-8"?>
<ds:datastoreItem xmlns:ds="http://schemas.openxmlformats.org/officeDocument/2006/customXml" ds:itemID="{148292A0-ECD9-45DB-AF1E-0A5D1DD07D1D}">
  <ds:schemaRefs>
    <ds:schemaRef ds:uri="http://schemas.microsoft.com/office/2006/documentManagement/types"/>
    <ds:schemaRef ds:uri="http://schemas.openxmlformats.org/package/2006/metadata/core-properties"/>
    <ds:schemaRef ds:uri="http://purl.org/dc/elements/1.1/"/>
    <ds:schemaRef ds:uri="http://www.w3.org/XML/1998/namespace"/>
    <ds:schemaRef ds:uri="http://schemas.microsoft.com/office/infopath/2007/PartnerControls"/>
    <ds:schemaRef ds:uri="http://purl.org/dc/terms/"/>
    <ds:schemaRef ds:uri="http://schemas.microsoft.com/office/2006/metadata/properties"/>
    <ds:schemaRef ds:uri="http://purl.org/dc/dcmitype/"/>
  </ds:schemaRefs>
</ds:datastoreItem>
</file>

<file path=customXml/itemProps3.xml><?xml version="1.0" encoding="utf-8"?>
<ds:datastoreItem xmlns:ds="http://schemas.openxmlformats.org/officeDocument/2006/customXml" ds:itemID="{505DEDAF-7F4A-4B74-93A8-14B3834B768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9</vt:i4>
      </vt:variant>
    </vt:vector>
  </HeadingPairs>
  <TitlesOfParts>
    <vt:vector size="15" baseType="lpstr">
      <vt:lpstr>目次</vt:lpstr>
      <vt:lpstr>財務ハイライト</vt:lpstr>
      <vt:lpstr>セグメント情報</vt:lpstr>
      <vt:lpstr>連結貸借対照表</vt:lpstr>
      <vt:lpstr>連結損益計算書</vt:lpstr>
      <vt:lpstr>連結キャッシュ・フロー計算書</vt:lpstr>
      <vt:lpstr>財務ハイライト!Print_Area</vt:lpstr>
      <vt:lpstr>目次!Print_Area</vt:lpstr>
      <vt:lpstr>連結キャッシュ・フロー計算書!Print_Area</vt:lpstr>
      <vt:lpstr>連結損益計算書!Print_Area</vt:lpstr>
      <vt:lpstr>連結貸借対照表!Print_Area</vt:lpstr>
      <vt:lpstr>財務ハイライト!Print_Titles</vt:lpstr>
      <vt:lpstr>連結キャッシュ・フロー計算書!Print_Titles</vt:lpstr>
      <vt:lpstr>連結損益計算書!Print_Titles</vt:lpstr>
      <vt:lpstr>連結貸借対照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業績の推移</dc:title>
  <dc:creator>シャープ株式会社</dc:creator>
  <cp:lastPrinted>2019-12-18T23:52:04Z</cp:lastPrinted>
  <dcterms:created xsi:type="dcterms:W3CDTF">2005-04-11T02:34:13Z</dcterms:created>
  <dcterms:modified xsi:type="dcterms:W3CDTF">2019-12-19T00:14:19Z</dcterms:modified>
  <cp:contentStatus>最終版</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852F8D07C7C5A4AB91BF6EA1D250B83</vt:lpwstr>
  </property>
  <property fmtid="{D5CDD505-2E9C-101B-9397-08002B2CF9AE}" pid="3" name="_MarkAsFinal">
    <vt:bool>true</vt:bool>
  </property>
</Properties>
</file>